
<file path=[Content_Types].xml><?xml version="1.0" encoding="utf-8"?>
<Types xmlns="http://schemas.openxmlformats.org/package/2006/content-types"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17" r:id="rId4"/>
  </p:sldMasterIdLst>
  <p:notesMasterIdLst>
    <p:notesMasterId r:id="rId49"/>
  </p:notesMasterIdLst>
  <p:handoutMasterIdLst>
    <p:handoutMasterId r:id="rId50"/>
  </p:handoutMasterIdLst>
  <p:sldIdLst>
    <p:sldId id="258" r:id="rId5"/>
    <p:sldId id="283" r:id="rId6"/>
    <p:sldId id="284" r:id="rId7"/>
    <p:sldId id="261" r:id="rId8"/>
    <p:sldId id="336" r:id="rId9"/>
    <p:sldId id="337" r:id="rId10"/>
    <p:sldId id="338" r:id="rId11"/>
    <p:sldId id="286" r:id="rId12"/>
    <p:sldId id="294" r:id="rId13"/>
    <p:sldId id="262" r:id="rId14"/>
    <p:sldId id="263" r:id="rId15"/>
    <p:sldId id="264" r:id="rId16"/>
    <p:sldId id="320" r:id="rId17"/>
    <p:sldId id="267" r:id="rId18"/>
    <p:sldId id="316" r:id="rId19"/>
    <p:sldId id="317" r:id="rId20"/>
    <p:sldId id="308" r:id="rId21"/>
    <p:sldId id="295" r:id="rId22"/>
    <p:sldId id="298" r:id="rId23"/>
    <p:sldId id="299" r:id="rId24"/>
    <p:sldId id="309" r:id="rId25"/>
    <p:sldId id="300" r:id="rId26"/>
    <p:sldId id="303" r:id="rId27"/>
    <p:sldId id="306" r:id="rId28"/>
    <p:sldId id="301" r:id="rId29"/>
    <p:sldId id="310" r:id="rId30"/>
    <p:sldId id="311" r:id="rId31"/>
    <p:sldId id="312" r:id="rId32"/>
    <p:sldId id="315" r:id="rId33"/>
    <p:sldId id="319" r:id="rId34"/>
    <p:sldId id="326" r:id="rId35"/>
    <p:sldId id="318" r:id="rId36"/>
    <p:sldId id="321" r:id="rId37"/>
    <p:sldId id="322" r:id="rId38"/>
    <p:sldId id="329" r:id="rId39"/>
    <p:sldId id="330" r:id="rId40"/>
    <p:sldId id="331" r:id="rId41"/>
    <p:sldId id="332" r:id="rId42"/>
    <p:sldId id="333" r:id="rId43"/>
    <p:sldId id="323" r:id="rId44"/>
    <p:sldId id="296" r:id="rId45"/>
    <p:sldId id="307" r:id="rId46"/>
    <p:sldId id="314" r:id="rId47"/>
    <p:sldId id="328" r:id="rId4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D6A98"/>
    <a:srgbClr val="80B0D5"/>
    <a:srgbClr val="AFD6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3842" autoAdjust="0"/>
  </p:normalViewPr>
  <p:slideViewPr>
    <p:cSldViewPr snapToGrid="0">
      <p:cViewPr>
        <p:scale>
          <a:sx n="63" d="100"/>
          <a:sy n="63" d="100"/>
        </p:scale>
        <p:origin x="276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50" d="100"/>
          <a:sy n="50" d="100"/>
        </p:scale>
        <p:origin x="3403" y="336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50" Type="http://schemas.openxmlformats.org/officeDocument/2006/relationships/handoutMaster" Target="handoutMasters/handoutMaster1.xml"/><Relationship Id="rId55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3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8" Type="http://schemas.openxmlformats.org/officeDocument/2006/relationships/slide" Target="slides/slide4.xml"/><Relationship Id="rId51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slide" Target="slides/slide42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notesMaster" Target="notesMasters/notesMaster1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ata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ata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ata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ata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ata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_rels/drawing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8.svg"/><Relationship Id="rId4" Type="http://schemas.openxmlformats.org/officeDocument/2006/relationships/image" Target="../media/image32.svg"/><Relationship Id="rId9" Type="http://schemas.openxmlformats.org/officeDocument/2006/relationships/image" Target="../media/image37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/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hueOff val="0"/>
            <a:satOff val="0"/>
            <a:lumOff val="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hueOff val="0"/>
            <a:satOff val="0"/>
            <a:lumOff val="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hueOff val="0"/>
            <a:satOff val="0"/>
            <a:lumOff val="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hueOff val="0"/>
            <a:satOff val="0"/>
            <a:lumOff val="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/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lumMod val="40000"/>
            <a:lumOff val="60000"/>
            <a:alpha val="3000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lumMod val="40000"/>
            <a:lumOff val="60000"/>
            <a:alpha val="3000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lumMod val="40000"/>
            <a:lumOff val="60000"/>
            <a:alpha val="3000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lumMod val="40000"/>
            <a:lumOff val="60000"/>
            <a:alpha val="3000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>
        <a:solidFill>
          <a:schemeClr val="accent2">
            <a:lumMod val="40000"/>
            <a:lumOff val="60000"/>
            <a:alpha val="30000"/>
          </a:schemeClr>
        </a:solidFill>
      </dgm:spPr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hueOff val="0"/>
            <a:satOff val="0"/>
            <a:lumOff val="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lumMod val="40000"/>
            <a:lumOff val="60000"/>
            <a:alpha val="3000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lumMod val="40000"/>
            <a:lumOff val="60000"/>
            <a:alpha val="3000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lumMod val="40000"/>
            <a:lumOff val="60000"/>
            <a:alpha val="3000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>
        <a:solidFill>
          <a:schemeClr val="accent2">
            <a:lumMod val="40000"/>
            <a:lumOff val="60000"/>
            <a:alpha val="30000"/>
          </a:schemeClr>
        </a:solidFill>
      </dgm:spPr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lumMod val="40000"/>
            <a:lumOff val="60000"/>
            <a:alpha val="3000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hueOff val="0"/>
            <a:satOff val="0"/>
            <a:lumOff val="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lumMod val="40000"/>
            <a:lumOff val="60000"/>
            <a:alpha val="3000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lumMod val="40000"/>
            <a:lumOff val="60000"/>
            <a:alpha val="3000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>
        <a:solidFill>
          <a:schemeClr val="accent2">
            <a:lumMod val="40000"/>
            <a:lumOff val="60000"/>
            <a:alpha val="30000"/>
          </a:schemeClr>
        </a:solidFill>
      </dgm:spPr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lumMod val="40000"/>
            <a:lumOff val="60000"/>
            <a:alpha val="3000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lumMod val="40000"/>
            <a:lumOff val="60000"/>
            <a:alpha val="3000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hueOff val="0"/>
            <a:satOff val="0"/>
            <a:lumOff val="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lumMod val="40000"/>
            <a:lumOff val="60000"/>
            <a:alpha val="3000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A9082322-65D9-4EF8-8969-CB4FCD55B15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FA9820DA-81FE-4A14-B0EA-B65CD7161892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easonal trend</a:t>
          </a:r>
        </a:p>
      </dgm:t>
    </dgm:pt>
    <dgm:pt modelId="{7D86F940-3817-4F21-B70B-CDF9B2814FB6}" type="parTrans" cxnId="{23140E73-5C02-4E29-B677-CB0A65051E68}">
      <dgm:prSet/>
      <dgm:spPr/>
      <dgm:t>
        <a:bodyPr/>
        <a:lstStyle/>
        <a:p>
          <a:endParaRPr lang="en-US"/>
        </a:p>
      </dgm:t>
    </dgm:pt>
    <dgm:pt modelId="{A13B1399-C402-4A65-805A-4077B73F704E}" type="sibTrans" cxnId="{23140E73-5C02-4E29-B677-CB0A65051E68}">
      <dgm:prSet/>
      <dgm:spPr/>
      <dgm:t>
        <a:bodyPr/>
        <a:lstStyle/>
        <a:p>
          <a:endParaRPr lang="en-US"/>
        </a:p>
      </dgm:t>
    </dgm:pt>
    <dgm:pt modelId="{85CCB2CB-9E68-4B2C-9F1E-50CA45F3F484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Weekly and hourly trend</a:t>
          </a:r>
        </a:p>
      </dgm:t>
    </dgm:pt>
    <dgm:pt modelId="{89638BAF-E3B3-4EC2-AD89-CF04956EB1D9}" type="parTrans" cxnId="{30268320-F02B-4006-B150-097885F597AB}">
      <dgm:prSet/>
      <dgm:spPr/>
      <dgm:t>
        <a:bodyPr/>
        <a:lstStyle/>
        <a:p>
          <a:endParaRPr lang="en-US"/>
        </a:p>
      </dgm:t>
    </dgm:pt>
    <dgm:pt modelId="{EC882073-29DC-49E2-8D0C-CE87001FF601}" type="sibTrans" cxnId="{30268320-F02B-4006-B150-097885F597AB}">
      <dgm:prSet/>
      <dgm:spPr/>
      <dgm:t>
        <a:bodyPr/>
        <a:lstStyle/>
        <a:p>
          <a:endParaRPr lang="en-US"/>
        </a:p>
      </dgm:t>
    </dgm:pt>
    <dgm:pt modelId="{438D9AB5-4B71-4E86-91B8-CCD3C6E465FA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Station dynamics</a:t>
          </a:r>
        </a:p>
      </dgm:t>
    </dgm:pt>
    <dgm:pt modelId="{0990FD5A-F3E8-49F8-AD75-18A09DFB88C9}" type="parTrans" cxnId="{B349604F-E5CF-4B20-9A83-A1E8837EECEE}">
      <dgm:prSet/>
      <dgm:spPr/>
      <dgm:t>
        <a:bodyPr/>
        <a:lstStyle/>
        <a:p>
          <a:endParaRPr lang="en-US"/>
        </a:p>
      </dgm:t>
    </dgm:pt>
    <dgm:pt modelId="{3E2CAA1F-C879-4840-8802-68DBCC5220D2}" type="sibTrans" cxnId="{B349604F-E5CF-4B20-9A83-A1E8837EECEE}">
      <dgm:prSet/>
      <dgm:spPr/>
      <dgm:t>
        <a:bodyPr/>
        <a:lstStyle/>
        <a:p>
          <a:endParaRPr lang="en-US"/>
        </a:p>
      </dgm:t>
    </dgm:pt>
    <dgm:pt modelId="{9248FD18-E683-4541-9EB2-A0B551436FF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 dirty="0"/>
            <a:t>Machine learning</a:t>
          </a:r>
        </a:p>
      </dgm:t>
    </dgm:pt>
    <dgm:pt modelId="{925B2FF4-17B9-40B4-A5F2-C21ED5F20620}" type="parTrans" cxnId="{94C77C83-4E62-41E8-BBFF-3A926E5F2A54}">
      <dgm:prSet/>
      <dgm:spPr/>
      <dgm:t>
        <a:bodyPr/>
        <a:lstStyle/>
        <a:p>
          <a:endParaRPr lang="en-US"/>
        </a:p>
      </dgm:t>
    </dgm:pt>
    <dgm:pt modelId="{B62A2653-BEB5-458F-B551-D0A4AA3032AA}" type="sibTrans" cxnId="{94C77C83-4E62-41E8-BBFF-3A926E5F2A54}">
      <dgm:prSet/>
      <dgm:spPr/>
      <dgm:t>
        <a:bodyPr/>
        <a:lstStyle/>
        <a:p>
          <a:endParaRPr lang="en-US"/>
        </a:p>
      </dgm:t>
    </dgm:pt>
    <dgm:pt modelId="{3BC7F35D-171F-0847-8311-7FF440568748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en-US"/>
            <a:t> station expansion</a:t>
          </a:r>
        </a:p>
      </dgm:t>
    </dgm:pt>
    <dgm:pt modelId="{3AB80047-1CE1-2B4D-8744-C1C6F0563DCA}" type="parTrans" cxnId="{26B17784-5505-BD4C-B1C3-9A0EF233BDDE}">
      <dgm:prSet/>
      <dgm:spPr/>
      <dgm:t>
        <a:bodyPr/>
        <a:lstStyle/>
        <a:p>
          <a:endParaRPr lang="en-US"/>
        </a:p>
      </dgm:t>
    </dgm:pt>
    <dgm:pt modelId="{10C44C6C-5B44-944F-8635-03052C6C65EA}" type="sibTrans" cxnId="{26B17784-5505-BD4C-B1C3-9A0EF233BDDE}">
      <dgm:prSet/>
      <dgm:spPr/>
      <dgm:t>
        <a:bodyPr/>
        <a:lstStyle/>
        <a:p>
          <a:endParaRPr lang="en-US"/>
        </a:p>
      </dgm:t>
    </dgm:pt>
    <dgm:pt modelId="{5F6296FB-6623-49F0-A37B-32D5293F3A75}" type="pres">
      <dgm:prSet presAssocID="{A9082322-65D9-4EF8-8969-CB4FCD55B155}" presName="root" presStyleCnt="0">
        <dgm:presLayoutVars>
          <dgm:dir/>
          <dgm:resizeHandles val="exact"/>
        </dgm:presLayoutVars>
      </dgm:prSet>
      <dgm:spPr/>
    </dgm:pt>
    <dgm:pt modelId="{8631CE08-9F93-E74C-8BE9-2DF1A22C7B47}" type="pres">
      <dgm:prSet presAssocID="{3BC7F35D-171F-0847-8311-7FF440568748}" presName="compNode" presStyleCnt="0"/>
      <dgm:spPr/>
    </dgm:pt>
    <dgm:pt modelId="{1E9C8439-5166-C849-881D-54E67E8820AF}" type="pres">
      <dgm:prSet presAssocID="{3BC7F35D-171F-0847-8311-7FF440568748}" presName="iconBgRect" presStyleLbl="bgShp" presStyleIdx="0" presStyleCnt="5"/>
      <dgm:spPr>
        <a:solidFill>
          <a:schemeClr val="accent2">
            <a:lumMod val="40000"/>
            <a:lumOff val="60000"/>
            <a:alpha val="30000"/>
          </a:schemeClr>
        </a:solidFill>
      </dgm:spPr>
    </dgm:pt>
    <dgm:pt modelId="{10FDAA93-2F4F-154C-92E9-F8C025BCA80C}" type="pres">
      <dgm:prSet presAssocID="{3BC7F35D-171F-0847-8311-7FF44056874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ycling"/>
        </a:ext>
      </dgm:extLst>
    </dgm:pt>
    <dgm:pt modelId="{B25D911F-E8B0-DB41-96CE-D6C176713AF9}" type="pres">
      <dgm:prSet presAssocID="{3BC7F35D-171F-0847-8311-7FF440568748}" presName="spaceRect" presStyleCnt="0"/>
      <dgm:spPr/>
    </dgm:pt>
    <dgm:pt modelId="{965F6597-3B05-5C46-8736-9BC18931810A}" type="pres">
      <dgm:prSet presAssocID="{3BC7F35D-171F-0847-8311-7FF440568748}" presName="textRect" presStyleLbl="revTx" presStyleIdx="0" presStyleCnt="5">
        <dgm:presLayoutVars>
          <dgm:chMax val="1"/>
          <dgm:chPref val="1"/>
        </dgm:presLayoutVars>
      </dgm:prSet>
      <dgm:spPr/>
    </dgm:pt>
    <dgm:pt modelId="{B46CFD18-464B-C146-8F31-53DF83237B05}" type="pres">
      <dgm:prSet presAssocID="{10C44C6C-5B44-944F-8635-03052C6C65EA}" presName="sibTrans" presStyleCnt="0"/>
      <dgm:spPr/>
    </dgm:pt>
    <dgm:pt modelId="{85DA380E-3FD6-4279-8ECB-35FD817107C7}" type="pres">
      <dgm:prSet presAssocID="{FA9820DA-81FE-4A14-B0EA-B65CD7161892}" presName="compNode" presStyleCnt="0"/>
      <dgm:spPr/>
    </dgm:pt>
    <dgm:pt modelId="{E5D0A7DB-F870-4289-A176-74DC8634D49F}" type="pres">
      <dgm:prSet presAssocID="{FA9820DA-81FE-4A14-B0EA-B65CD7161892}" presName="iconBgRect" presStyleLbl="bgShp" presStyleIdx="1" presStyleCnt="5"/>
      <dgm:spPr>
        <a:solidFill>
          <a:schemeClr val="accent3">
            <a:lumMod val="40000"/>
            <a:lumOff val="60000"/>
            <a:alpha val="30000"/>
          </a:schemeClr>
        </a:solidFill>
      </dgm:spPr>
    </dgm:pt>
    <dgm:pt modelId="{926532A6-7EC2-48FB-9700-1C2608E2063C}" type="pres">
      <dgm:prSet presAssocID="{FA9820DA-81FE-4A14-B0EA-B65CD7161892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un"/>
        </a:ext>
      </dgm:extLst>
    </dgm:pt>
    <dgm:pt modelId="{51E7910C-A987-431D-A3B3-AFE18209A9A2}" type="pres">
      <dgm:prSet presAssocID="{FA9820DA-81FE-4A14-B0EA-B65CD7161892}" presName="spaceRect" presStyleCnt="0"/>
      <dgm:spPr/>
    </dgm:pt>
    <dgm:pt modelId="{7ECCB9B7-3229-4D84-88AF-537C55717936}" type="pres">
      <dgm:prSet presAssocID="{FA9820DA-81FE-4A14-B0EA-B65CD7161892}" presName="textRect" presStyleLbl="revTx" presStyleIdx="1" presStyleCnt="5">
        <dgm:presLayoutVars>
          <dgm:chMax val="1"/>
          <dgm:chPref val="1"/>
        </dgm:presLayoutVars>
      </dgm:prSet>
      <dgm:spPr/>
    </dgm:pt>
    <dgm:pt modelId="{31C29FDC-4EAC-421C-85D7-75F0109DA069}" type="pres">
      <dgm:prSet presAssocID="{A13B1399-C402-4A65-805A-4077B73F704E}" presName="sibTrans" presStyleCnt="0"/>
      <dgm:spPr/>
    </dgm:pt>
    <dgm:pt modelId="{BB66529C-2270-4196-BFCB-71AF1BBE96EB}" type="pres">
      <dgm:prSet presAssocID="{85CCB2CB-9E68-4B2C-9F1E-50CA45F3F484}" presName="compNode" presStyleCnt="0"/>
      <dgm:spPr/>
    </dgm:pt>
    <dgm:pt modelId="{3EC02099-2D14-4F0B-98D2-969D1935C96B}" type="pres">
      <dgm:prSet presAssocID="{85CCB2CB-9E68-4B2C-9F1E-50CA45F3F484}" presName="iconBgRect" presStyleLbl="bgShp" presStyleIdx="2" presStyleCnt="5"/>
      <dgm:spPr>
        <a:solidFill>
          <a:schemeClr val="accent4">
            <a:lumMod val="40000"/>
            <a:lumOff val="60000"/>
            <a:alpha val="30000"/>
          </a:schemeClr>
        </a:solidFill>
      </dgm:spPr>
    </dgm:pt>
    <dgm:pt modelId="{F7C6369C-F074-481D-877F-C3CA1C8B2601}" type="pres">
      <dgm:prSet presAssocID="{85CCB2CB-9E68-4B2C-9F1E-50CA45F3F484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Statistics"/>
        </a:ext>
      </dgm:extLst>
    </dgm:pt>
    <dgm:pt modelId="{90F176AB-80FF-420F-BF88-679C99DC0526}" type="pres">
      <dgm:prSet presAssocID="{85CCB2CB-9E68-4B2C-9F1E-50CA45F3F484}" presName="spaceRect" presStyleCnt="0"/>
      <dgm:spPr/>
    </dgm:pt>
    <dgm:pt modelId="{2E1E48B1-231B-40EC-9DEB-E9C62DB9B354}" type="pres">
      <dgm:prSet presAssocID="{85CCB2CB-9E68-4B2C-9F1E-50CA45F3F484}" presName="textRect" presStyleLbl="revTx" presStyleIdx="2" presStyleCnt="5">
        <dgm:presLayoutVars>
          <dgm:chMax val="1"/>
          <dgm:chPref val="1"/>
        </dgm:presLayoutVars>
      </dgm:prSet>
      <dgm:spPr/>
    </dgm:pt>
    <dgm:pt modelId="{40F320B4-3B2A-499E-8008-E3C845BE8529}" type="pres">
      <dgm:prSet presAssocID="{EC882073-29DC-49E2-8D0C-CE87001FF601}" presName="sibTrans" presStyleCnt="0"/>
      <dgm:spPr/>
    </dgm:pt>
    <dgm:pt modelId="{97C7AAAE-BF17-4136-8CB3-3B81D8C1FB63}" type="pres">
      <dgm:prSet presAssocID="{438D9AB5-4B71-4E86-91B8-CCD3C6E465FA}" presName="compNode" presStyleCnt="0"/>
      <dgm:spPr/>
    </dgm:pt>
    <dgm:pt modelId="{3B05B3D7-3CA4-4213-988D-5520E9FCAC06}" type="pres">
      <dgm:prSet presAssocID="{438D9AB5-4B71-4E86-91B8-CCD3C6E465FA}" presName="iconBgRect" presStyleLbl="bgShp" presStyleIdx="3" presStyleCnt="5"/>
      <dgm:spPr>
        <a:solidFill>
          <a:schemeClr val="accent5">
            <a:lumMod val="40000"/>
            <a:lumOff val="60000"/>
            <a:alpha val="30000"/>
          </a:schemeClr>
        </a:solidFill>
      </dgm:spPr>
    </dgm:pt>
    <dgm:pt modelId="{D20C6F1C-67EB-49A3-8A6A-77FE6F4E2581}" type="pres">
      <dgm:prSet presAssocID="{438D9AB5-4B71-4E86-91B8-CCD3C6E465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p with pin"/>
        </a:ext>
      </dgm:extLst>
    </dgm:pt>
    <dgm:pt modelId="{960854BB-8EB9-47EF-9355-8D47AD054958}" type="pres">
      <dgm:prSet presAssocID="{438D9AB5-4B71-4E86-91B8-CCD3C6E465FA}" presName="spaceRect" presStyleCnt="0"/>
      <dgm:spPr/>
    </dgm:pt>
    <dgm:pt modelId="{74A5C5D9-1529-4C00-8952-5702A3EBEB99}" type="pres">
      <dgm:prSet presAssocID="{438D9AB5-4B71-4E86-91B8-CCD3C6E465FA}" presName="textRect" presStyleLbl="revTx" presStyleIdx="3" presStyleCnt="5">
        <dgm:presLayoutVars>
          <dgm:chMax val="1"/>
          <dgm:chPref val="1"/>
        </dgm:presLayoutVars>
      </dgm:prSet>
      <dgm:spPr/>
    </dgm:pt>
    <dgm:pt modelId="{3131E9F9-356B-4609-AC65-F2A855C818FA}" type="pres">
      <dgm:prSet presAssocID="{3E2CAA1F-C879-4840-8802-68DBCC5220D2}" presName="sibTrans" presStyleCnt="0"/>
      <dgm:spPr/>
    </dgm:pt>
    <dgm:pt modelId="{D8743F52-E4D6-4D15-838C-369E27080496}" type="pres">
      <dgm:prSet presAssocID="{9248FD18-E683-4541-9EB2-A0B551436FFB}" presName="compNode" presStyleCnt="0"/>
      <dgm:spPr/>
    </dgm:pt>
    <dgm:pt modelId="{CB636E1E-A841-49EB-A5DF-AEA92F5B90A0}" type="pres">
      <dgm:prSet presAssocID="{9248FD18-E683-4541-9EB2-A0B551436FFB}" presName="iconBgRect" presStyleLbl="bgShp" presStyleIdx="4" presStyleCnt="5"/>
      <dgm:spPr>
        <a:solidFill>
          <a:schemeClr val="accent6">
            <a:hueOff val="0"/>
            <a:satOff val="0"/>
            <a:lumOff val="0"/>
          </a:schemeClr>
        </a:solidFill>
      </dgm:spPr>
    </dgm:pt>
    <dgm:pt modelId="{59D6C5FB-B8FF-4B57-B22D-AEAC08728B7D}" type="pres">
      <dgm:prSet presAssocID="{9248FD18-E683-4541-9EB2-A0B551436FFB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mputer"/>
        </a:ext>
      </dgm:extLst>
    </dgm:pt>
    <dgm:pt modelId="{03EF90FF-C7D4-4034-8D59-1D749DDA41F9}" type="pres">
      <dgm:prSet presAssocID="{9248FD18-E683-4541-9EB2-A0B551436FFB}" presName="spaceRect" presStyleCnt="0"/>
      <dgm:spPr/>
    </dgm:pt>
    <dgm:pt modelId="{8E2D07B9-A1AB-4FA9-8A07-1D52AC3E3ADB}" type="pres">
      <dgm:prSet presAssocID="{9248FD18-E683-4541-9EB2-A0B551436FFB}" presName="textRect" presStyleLbl="revTx" presStyleIdx="4" presStyleCnt="5">
        <dgm:presLayoutVars>
          <dgm:chMax val="1"/>
          <dgm:chPref val="1"/>
        </dgm:presLayoutVars>
      </dgm:prSet>
      <dgm:spPr/>
    </dgm:pt>
  </dgm:ptLst>
  <dgm:cxnLst>
    <dgm:cxn modelId="{B16AC906-2534-6B4B-915D-05B6AF426DC8}" type="presOf" srcId="{438D9AB5-4B71-4E86-91B8-CCD3C6E465FA}" destId="{74A5C5D9-1529-4C00-8952-5702A3EBEB99}" srcOrd="0" destOrd="0" presId="urn:microsoft.com/office/officeart/2018/5/layout/IconCircleLabelList"/>
    <dgm:cxn modelId="{30268320-F02B-4006-B150-097885F597AB}" srcId="{A9082322-65D9-4EF8-8969-CB4FCD55B155}" destId="{85CCB2CB-9E68-4B2C-9F1E-50CA45F3F484}" srcOrd="2" destOrd="0" parTransId="{89638BAF-E3B3-4EC2-AD89-CF04956EB1D9}" sibTransId="{EC882073-29DC-49E2-8D0C-CE87001FF601}"/>
    <dgm:cxn modelId="{D28BCF37-5D8F-FE46-905D-68C36CF6A989}" type="presOf" srcId="{FA9820DA-81FE-4A14-B0EA-B65CD7161892}" destId="{7ECCB9B7-3229-4D84-88AF-537C55717936}" srcOrd="0" destOrd="0" presId="urn:microsoft.com/office/officeart/2018/5/layout/IconCircleLabelList"/>
    <dgm:cxn modelId="{D48EF942-EA8C-6241-92F2-3FA7417DE45A}" type="presOf" srcId="{85CCB2CB-9E68-4B2C-9F1E-50CA45F3F484}" destId="{2E1E48B1-231B-40EC-9DEB-E9C62DB9B354}" srcOrd="0" destOrd="0" presId="urn:microsoft.com/office/officeart/2018/5/layout/IconCircleLabelList"/>
    <dgm:cxn modelId="{C0F1876E-5BAD-F445-B6D1-862C64F512A6}" type="presOf" srcId="{3BC7F35D-171F-0847-8311-7FF440568748}" destId="{965F6597-3B05-5C46-8736-9BC18931810A}" srcOrd="0" destOrd="0" presId="urn:microsoft.com/office/officeart/2018/5/layout/IconCircleLabelList"/>
    <dgm:cxn modelId="{B349604F-E5CF-4B20-9A83-A1E8837EECEE}" srcId="{A9082322-65D9-4EF8-8969-CB4FCD55B155}" destId="{438D9AB5-4B71-4E86-91B8-CCD3C6E465FA}" srcOrd="3" destOrd="0" parTransId="{0990FD5A-F3E8-49F8-AD75-18A09DFB88C9}" sibTransId="{3E2CAA1F-C879-4840-8802-68DBCC5220D2}"/>
    <dgm:cxn modelId="{23140E73-5C02-4E29-B677-CB0A65051E68}" srcId="{A9082322-65D9-4EF8-8969-CB4FCD55B155}" destId="{FA9820DA-81FE-4A14-B0EA-B65CD7161892}" srcOrd="1" destOrd="0" parTransId="{7D86F940-3817-4F21-B70B-CDF9B2814FB6}" sibTransId="{A13B1399-C402-4A65-805A-4077B73F704E}"/>
    <dgm:cxn modelId="{E52E2580-A2A2-41C6-9C23-44EBAFEADA93}" type="presOf" srcId="{A9082322-65D9-4EF8-8969-CB4FCD55B155}" destId="{5F6296FB-6623-49F0-A37B-32D5293F3A75}" srcOrd="0" destOrd="0" presId="urn:microsoft.com/office/officeart/2018/5/layout/IconCircleLabelList"/>
    <dgm:cxn modelId="{94C77C83-4E62-41E8-BBFF-3A926E5F2A54}" srcId="{A9082322-65D9-4EF8-8969-CB4FCD55B155}" destId="{9248FD18-E683-4541-9EB2-A0B551436FFB}" srcOrd="4" destOrd="0" parTransId="{925B2FF4-17B9-40B4-A5F2-C21ED5F20620}" sibTransId="{B62A2653-BEB5-458F-B551-D0A4AA3032AA}"/>
    <dgm:cxn modelId="{26B17784-5505-BD4C-B1C3-9A0EF233BDDE}" srcId="{A9082322-65D9-4EF8-8969-CB4FCD55B155}" destId="{3BC7F35D-171F-0847-8311-7FF440568748}" srcOrd="0" destOrd="0" parTransId="{3AB80047-1CE1-2B4D-8744-C1C6F0563DCA}" sibTransId="{10C44C6C-5B44-944F-8635-03052C6C65EA}"/>
    <dgm:cxn modelId="{B6E93DA7-557B-3746-A91F-6C0468321C41}" type="presOf" srcId="{9248FD18-E683-4541-9EB2-A0B551436FFB}" destId="{8E2D07B9-A1AB-4FA9-8A07-1D52AC3E3ADB}" srcOrd="0" destOrd="0" presId="urn:microsoft.com/office/officeart/2018/5/layout/IconCircleLabelList"/>
    <dgm:cxn modelId="{299FEEB1-B6A0-8B48-B238-4565840AF905}" type="presParOf" srcId="{5F6296FB-6623-49F0-A37B-32D5293F3A75}" destId="{8631CE08-9F93-E74C-8BE9-2DF1A22C7B47}" srcOrd="0" destOrd="0" presId="urn:microsoft.com/office/officeart/2018/5/layout/IconCircleLabelList"/>
    <dgm:cxn modelId="{5E985A5F-A7F6-B04F-B8B4-373F063811A6}" type="presParOf" srcId="{8631CE08-9F93-E74C-8BE9-2DF1A22C7B47}" destId="{1E9C8439-5166-C849-881D-54E67E8820AF}" srcOrd="0" destOrd="0" presId="urn:microsoft.com/office/officeart/2018/5/layout/IconCircleLabelList"/>
    <dgm:cxn modelId="{7A8890F8-8332-F546-B4B1-6E0E562FD1BE}" type="presParOf" srcId="{8631CE08-9F93-E74C-8BE9-2DF1A22C7B47}" destId="{10FDAA93-2F4F-154C-92E9-F8C025BCA80C}" srcOrd="1" destOrd="0" presId="urn:microsoft.com/office/officeart/2018/5/layout/IconCircleLabelList"/>
    <dgm:cxn modelId="{804756AE-F579-664B-8BF2-9E3EF576602B}" type="presParOf" srcId="{8631CE08-9F93-E74C-8BE9-2DF1A22C7B47}" destId="{B25D911F-E8B0-DB41-96CE-D6C176713AF9}" srcOrd="2" destOrd="0" presId="urn:microsoft.com/office/officeart/2018/5/layout/IconCircleLabelList"/>
    <dgm:cxn modelId="{9C3E5173-9C04-1B47-9DBF-52F5E11477DB}" type="presParOf" srcId="{8631CE08-9F93-E74C-8BE9-2DF1A22C7B47}" destId="{965F6597-3B05-5C46-8736-9BC18931810A}" srcOrd="3" destOrd="0" presId="urn:microsoft.com/office/officeart/2018/5/layout/IconCircleLabelList"/>
    <dgm:cxn modelId="{14FBBD4E-68D1-804E-A723-85FF7BD02E51}" type="presParOf" srcId="{5F6296FB-6623-49F0-A37B-32D5293F3A75}" destId="{B46CFD18-464B-C146-8F31-53DF83237B05}" srcOrd="1" destOrd="0" presId="urn:microsoft.com/office/officeart/2018/5/layout/IconCircleLabelList"/>
    <dgm:cxn modelId="{1D664739-15E7-8D41-8ACD-775607BF440D}" type="presParOf" srcId="{5F6296FB-6623-49F0-A37B-32D5293F3A75}" destId="{85DA380E-3FD6-4279-8ECB-35FD817107C7}" srcOrd="2" destOrd="0" presId="urn:microsoft.com/office/officeart/2018/5/layout/IconCircleLabelList"/>
    <dgm:cxn modelId="{DECD5DFF-6D8E-7C43-8B0B-12C7F15854FA}" type="presParOf" srcId="{85DA380E-3FD6-4279-8ECB-35FD817107C7}" destId="{E5D0A7DB-F870-4289-A176-74DC8634D49F}" srcOrd="0" destOrd="0" presId="urn:microsoft.com/office/officeart/2018/5/layout/IconCircleLabelList"/>
    <dgm:cxn modelId="{64C9DCB4-1046-3E4E-98A8-E737A7D35809}" type="presParOf" srcId="{85DA380E-3FD6-4279-8ECB-35FD817107C7}" destId="{926532A6-7EC2-48FB-9700-1C2608E2063C}" srcOrd="1" destOrd="0" presId="urn:microsoft.com/office/officeart/2018/5/layout/IconCircleLabelList"/>
    <dgm:cxn modelId="{5128D913-D132-9047-A1AC-A619C0DD7A38}" type="presParOf" srcId="{85DA380E-3FD6-4279-8ECB-35FD817107C7}" destId="{51E7910C-A987-431D-A3B3-AFE18209A9A2}" srcOrd="2" destOrd="0" presId="urn:microsoft.com/office/officeart/2018/5/layout/IconCircleLabelList"/>
    <dgm:cxn modelId="{25171A86-778E-3A4D-9A1E-EF6CB5169D20}" type="presParOf" srcId="{85DA380E-3FD6-4279-8ECB-35FD817107C7}" destId="{7ECCB9B7-3229-4D84-88AF-537C55717936}" srcOrd="3" destOrd="0" presId="urn:microsoft.com/office/officeart/2018/5/layout/IconCircleLabelList"/>
    <dgm:cxn modelId="{137E1A5C-50CB-2244-8022-430CF8953AD6}" type="presParOf" srcId="{5F6296FB-6623-49F0-A37B-32D5293F3A75}" destId="{31C29FDC-4EAC-421C-85D7-75F0109DA069}" srcOrd="3" destOrd="0" presId="urn:microsoft.com/office/officeart/2018/5/layout/IconCircleLabelList"/>
    <dgm:cxn modelId="{CF905214-BB85-FC48-B7D0-50B2B2E38E75}" type="presParOf" srcId="{5F6296FB-6623-49F0-A37B-32D5293F3A75}" destId="{BB66529C-2270-4196-BFCB-71AF1BBE96EB}" srcOrd="4" destOrd="0" presId="urn:microsoft.com/office/officeart/2018/5/layout/IconCircleLabelList"/>
    <dgm:cxn modelId="{2A7A9D41-2A7F-9640-9635-4672DA1CCBC8}" type="presParOf" srcId="{BB66529C-2270-4196-BFCB-71AF1BBE96EB}" destId="{3EC02099-2D14-4F0B-98D2-969D1935C96B}" srcOrd="0" destOrd="0" presId="urn:microsoft.com/office/officeart/2018/5/layout/IconCircleLabelList"/>
    <dgm:cxn modelId="{45D6A233-05B0-1842-8D2D-78D7718A7AA4}" type="presParOf" srcId="{BB66529C-2270-4196-BFCB-71AF1BBE96EB}" destId="{F7C6369C-F074-481D-877F-C3CA1C8B2601}" srcOrd="1" destOrd="0" presId="urn:microsoft.com/office/officeart/2018/5/layout/IconCircleLabelList"/>
    <dgm:cxn modelId="{CE9225AD-CB01-0A45-BE6A-A6ABA4E02A39}" type="presParOf" srcId="{BB66529C-2270-4196-BFCB-71AF1BBE96EB}" destId="{90F176AB-80FF-420F-BF88-679C99DC0526}" srcOrd="2" destOrd="0" presId="urn:microsoft.com/office/officeart/2018/5/layout/IconCircleLabelList"/>
    <dgm:cxn modelId="{7AF0C7EC-0BAE-E247-87C5-8D2B34573D84}" type="presParOf" srcId="{BB66529C-2270-4196-BFCB-71AF1BBE96EB}" destId="{2E1E48B1-231B-40EC-9DEB-E9C62DB9B354}" srcOrd="3" destOrd="0" presId="urn:microsoft.com/office/officeart/2018/5/layout/IconCircleLabelList"/>
    <dgm:cxn modelId="{A9065531-48CA-8C4F-855A-F1A22ED04E3F}" type="presParOf" srcId="{5F6296FB-6623-49F0-A37B-32D5293F3A75}" destId="{40F320B4-3B2A-499E-8008-E3C845BE8529}" srcOrd="5" destOrd="0" presId="urn:microsoft.com/office/officeart/2018/5/layout/IconCircleLabelList"/>
    <dgm:cxn modelId="{0C91A723-78AE-9841-8A3C-6AAEF2505BF2}" type="presParOf" srcId="{5F6296FB-6623-49F0-A37B-32D5293F3A75}" destId="{97C7AAAE-BF17-4136-8CB3-3B81D8C1FB63}" srcOrd="6" destOrd="0" presId="urn:microsoft.com/office/officeart/2018/5/layout/IconCircleLabelList"/>
    <dgm:cxn modelId="{75BF091B-1EAD-4943-97CC-C377F12F8775}" type="presParOf" srcId="{97C7AAAE-BF17-4136-8CB3-3B81D8C1FB63}" destId="{3B05B3D7-3CA4-4213-988D-5520E9FCAC06}" srcOrd="0" destOrd="0" presId="urn:microsoft.com/office/officeart/2018/5/layout/IconCircleLabelList"/>
    <dgm:cxn modelId="{C04A8AA5-B49D-A54F-AD5F-F64EF44958AC}" type="presParOf" srcId="{97C7AAAE-BF17-4136-8CB3-3B81D8C1FB63}" destId="{D20C6F1C-67EB-49A3-8A6A-77FE6F4E2581}" srcOrd="1" destOrd="0" presId="urn:microsoft.com/office/officeart/2018/5/layout/IconCircleLabelList"/>
    <dgm:cxn modelId="{D53A34FC-687A-9345-BB04-21FB06AB11DA}" type="presParOf" srcId="{97C7AAAE-BF17-4136-8CB3-3B81D8C1FB63}" destId="{960854BB-8EB9-47EF-9355-8D47AD054958}" srcOrd="2" destOrd="0" presId="urn:microsoft.com/office/officeart/2018/5/layout/IconCircleLabelList"/>
    <dgm:cxn modelId="{BC6E113C-9BAA-554E-877A-8183DBB11AC8}" type="presParOf" srcId="{97C7AAAE-BF17-4136-8CB3-3B81D8C1FB63}" destId="{74A5C5D9-1529-4C00-8952-5702A3EBEB99}" srcOrd="3" destOrd="0" presId="urn:microsoft.com/office/officeart/2018/5/layout/IconCircleLabelList"/>
    <dgm:cxn modelId="{5F69F20A-8C7D-D347-93E0-6E64A1CF48CB}" type="presParOf" srcId="{5F6296FB-6623-49F0-A37B-32D5293F3A75}" destId="{3131E9F9-356B-4609-AC65-F2A855C818FA}" srcOrd="7" destOrd="0" presId="urn:microsoft.com/office/officeart/2018/5/layout/IconCircleLabelList"/>
    <dgm:cxn modelId="{F7CC0D67-4749-AA48-A784-C30759FC174E}" type="presParOf" srcId="{5F6296FB-6623-49F0-A37B-32D5293F3A75}" destId="{D8743F52-E4D6-4D15-838C-369E27080496}" srcOrd="8" destOrd="0" presId="urn:microsoft.com/office/officeart/2018/5/layout/IconCircleLabelList"/>
    <dgm:cxn modelId="{01CF6B33-2D2E-C04B-A6A3-40F02410D8F5}" type="presParOf" srcId="{D8743F52-E4D6-4D15-838C-369E27080496}" destId="{CB636E1E-A841-49EB-A5DF-AEA92F5B90A0}" srcOrd="0" destOrd="0" presId="urn:microsoft.com/office/officeart/2018/5/layout/IconCircleLabelList"/>
    <dgm:cxn modelId="{971CA110-C4BB-9B4E-8191-486BCB235089}" type="presParOf" srcId="{D8743F52-E4D6-4D15-838C-369E27080496}" destId="{59D6C5FB-B8FF-4B57-B22D-AEAC08728B7D}" srcOrd="1" destOrd="0" presId="urn:microsoft.com/office/officeart/2018/5/layout/IconCircleLabelList"/>
    <dgm:cxn modelId="{6637669E-301C-2B46-A1FD-5B39E0A1763E}" type="presParOf" srcId="{D8743F52-E4D6-4D15-838C-369E27080496}" destId="{03EF90FF-C7D4-4034-8D59-1D749DDA41F9}" srcOrd="2" destOrd="0" presId="urn:microsoft.com/office/officeart/2018/5/layout/IconCircleLabelList"/>
    <dgm:cxn modelId="{F019DFFE-11C4-A34F-B74F-7FE8BA5439C2}" type="presParOf" srcId="{D8743F52-E4D6-4D15-838C-369E27080496}" destId="{8E2D07B9-A1AB-4FA9-8A07-1D52AC3E3AD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ADAA1DBA-736A-4345-9889-BB4E3AE1150A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1B384F5-8EB4-4A85-8D7E-C7183F2D6F23}">
      <dgm:prSet phldrT="[Text]" custT="1"/>
      <dgm:spPr/>
      <dgm:t>
        <a:bodyPr/>
        <a:lstStyle/>
        <a:p>
          <a:r>
            <a:rPr lang="en-US" sz="2200" dirty="0"/>
            <a:t>Advertisement</a:t>
          </a:r>
        </a:p>
      </dgm:t>
    </dgm:pt>
    <dgm:pt modelId="{4B756BAA-D422-4005-BB39-0457E7969D30}" type="parTrans" cxnId="{23CF85F5-9F7E-49F1-BBC7-34089472D99A}">
      <dgm:prSet/>
      <dgm:spPr/>
      <dgm:t>
        <a:bodyPr/>
        <a:lstStyle/>
        <a:p>
          <a:endParaRPr lang="en-US"/>
        </a:p>
      </dgm:t>
    </dgm:pt>
    <dgm:pt modelId="{71168BC9-3786-4122-B6AE-CC0B7F894F9E}" type="sibTrans" cxnId="{23CF85F5-9F7E-49F1-BBC7-34089472D99A}">
      <dgm:prSet/>
      <dgm:spPr/>
      <dgm:t>
        <a:bodyPr/>
        <a:lstStyle/>
        <a:p>
          <a:endParaRPr lang="en-US"/>
        </a:p>
      </dgm:t>
    </dgm:pt>
    <dgm:pt modelId="{BC7FBECA-EC00-4570-8DC5-ED8F463E2828}" type="asst">
      <dgm:prSet phldrT="[Text]" custT="1"/>
      <dgm:spPr/>
      <dgm:t>
        <a:bodyPr/>
        <a:lstStyle/>
        <a:p>
          <a:r>
            <a:rPr lang="en-US" sz="1800" dirty="0"/>
            <a:t>Public</a:t>
          </a:r>
        </a:p>
      </dgm:t>
    </dgm:pt>
    <dgm:pt modelId="{52332BE9-72EC-43EF-84DC-3C25B4E6568D}" type="parTrans" cxnId="{06D02ED6-C82D-48A6-8651-03F0A8D8EF7A}">
      <dgm:prSet/>
      <dgm:spPr/>
      <dgm:t>
        <a:bodyPr/>
        <a:lstStyle/>
        <a:p>
          <a:endParaRPr lang="en-US"/>
        </a:p>
      </dgm:t>
    </dgm:pt>
    <dgm:pt modelId="{E4BF4D52-239C-4123-8AD3-AA5966EB9414}" type="sibTrans" cxnId="{06D02ED6-C82D-48A6-8651-03F0A8D8EF7A}">
      <dgm:prSet/>
      <dgm:spPr/>
      <dgm:t>
        <a:bodyPr/>
        <a:lstStyle/>
        <a:p>
          <a:endParaRPr lang="en-US"/>
        </a:p>
      </dgm:t>
    </dgm:pt>
    <dgm:pt modelId="{35997768-CC76-4264-A895-EE0833FBE1F1}">
      <dgm:prSet phldrT="[Text]"/>
      <dgm:spPr/>
      <dgm:t>
        <a:bodyPr/>
        <a:lstStyle/>
        <a:p>
          <a:r>
            <a:rPr lang="en-US" dirty="0"/>
            <a:t>Time</a:t>
          </a:r>
        </a:p>
        <a:p>
          <a:r>
            <a:rPr lang="en-US" dirty="0"/>
            <a:t> Saving</a:t>
          </a:r>
        </a:p>
      </dgm:t>
    </dgm:pt>
    <dgm:pt modelId="{E9B9B393-FFE6-4911-85DC-0F24D01903D9}" type="parTrans" cxnId="{81A415AE-4F5F-4248-A492-82F79E9E984F}">
      <dgm:prSet/>
      <dgm:spPr/>
      <dgm:t>
        <a:bodyPr/>
        <a:lstStyle/>
        <a:p>
          <a:endParaRPr lang="en-US"/>
        </a:p>
      </dgm:t>
    </dgm:pt>
    <dgm:pt modelId="{A2357ED4-FEDC-428C-AD19-66C2A560DDA9}" type="sibTrans" cxnId="{81A415AE-4F5F-4248-A492-82F79E9E984F}">
      <dgm:prSet/>
      <dgm:spPr/>
      <dgm:t>
        <a:bodyPr/>
        <a:lstStyle/>
        <a:p>
          <a:endParaRPr lang="en-US"/>
        </a:p>
      </dgm:t>
    </dgm:pt>
    <dgm:pt modelId="{D06AD0EB-C8FA-4716-BB7E-FE12BA7BDAD6}">
      <dgm:prSet phldrT="[Text]"/>
      <dgm:spPr/>
      <dgm:t>
        <a:bodyPr/>
        <a:lstStyle/>
        <a:p>
          <a:r>
            <a:rPr lang="en-US" dirty="0"/>
            <a:t>Money </a:t>
          </a:r>
        </a:p>
        <a:p>
          <a:r>
            <a:rPr lang="en-US" dirty="0"/>
            <a:t>Saving</a:t>
          </a:r>
        </a:p>
      </dgm:t>
    </dgm:pt>
    <dgm:pt modelId="{952F6BBB-7BD8-4AF1-85AD-A8596DD5394D}" type="parTrans" cxnId="{C93E8FA4-B5CD-463E-804C-6B840FC88ECB}">
      <dgm:prSet/>
      <dgm:spPr/>
      <dgm:t>
        <a:bodyPr/>
        <a:lstStyle/>
        <a:p>
          <a:endParaRPr lang="en-US"/>
        </a:p>
      </dgm:t>
    </dgm:pt>
    <dgm:pt modelId="{DB787B7A-2A18-49D4-8673-27A2D2EE0C6D}" type="sibTrans" cxnId="{C93E8FA4-B5CD-463E-804C-6B840FC88ECB}">
      <dgm:prSet/>
      <dgm:spPr/>
      <dgm:t>
        <a:bodyPr/>
        <a:lstStyle/>
        <a:p>
          <a:endParaRPr lang="en-US"/>
        </a:p>
      </dgm:t>
    </dgm:pt>
    <dgm:pt modelId="{6D3062FD-3CC1-4211-96B8-34B8A029E5C3}">
      <dgm:prSet phldrT="[Text]"/>
      <dgm:spPr/>
      <dgm:t>
        <a:bodyPr/>
        <a:lstStyle/>
        <a:p>
          <a:r>
            <a:rPr lang="en-US" dirty="0"/>
            <a:t>Environment </a:t>
          </a:r>
        </a:p>
        <a:p>
          <a:r>
            <a:rPr lang="en-US" dirty="0"/>
            <a:t>&amp; Health</a:t>
          </a:r>
        </a:p>
      </dgm:t>
    </dgm:pt>
    <dgm:pt modelId="{DD31E796-68C5-4368-99D9-1D7795365F06}" type="parTrans" cxnId="{9915F457-34A6-424F-B9AA-DCAD0019EBE2}">
      <dgm:prSet/>
      <dgm:spPr/>
      <dgm:t>
        <a:bodyPr/>
        <a:lstStyle/>
        <a:p>
          <a:endParaRPr lang="en-US"/>
        </a:p>
      </dgm:t>
    </dgm:pt>
    <dgm:pt modelId="{39EFEBFD-B298-48F1-8796-8D572EB20565}" type="sibTrans" cxnId="{9915F457-34A6-424F-B9AA-DCAD0019EBE2}">
      <dgm:prSet/>
      <dgm:spPr/>
      <dgm:t>
        <a:bodyPr/>
        <a:lstStyle/>
        <a:p>
          <a:endParaRPr lang="en-US"/>
        </a:p>
      </dgm:t>
    </dgm:pt>
    <dgm:pt modelId="{0FBD387B-4A04-4B06-96A2-1FD980860486}" type="asst">
      <dgm:prSet phldrT="[Text]"/>
      <dgm:spPr/>
      <dgm:t>
        <a:bodyPr/>
        <a:lstStyle/>
        <a:p>
          <a:r>
            <a:rPr lang="en-US" dirty="0"/>
            <a:t>Corporate</a:t>
          </a:r>
        </a:p>
      </dgm:t>
    </dgm:pt>
    <dgm:pt modelId="{D03C02C8-B3BC-43DD-8971-74C0636992AF}" type="parTrans" cxnId="{D7E66270-E069-4473-93E2-C70014E31C40}">
      <dgm:prSet/>
      <dgm:spPr/>
      <dgm:t>
        <a:bodyPr/>
        <a:lstStyle/>
        <a:p>
          <a:endParaRPr lang="en-US"/>
        </a:p>
      </dgm:t>
    </dgm:pt>
    <dgm:pt modelId="{C8C89865-C525-4BBE-B0DE-D67448722FF8}" type="sibTrans" cxnId="{D7E66270-E069-4473-93E2-C70014E31C40}">
      <dgm:prSet/>
      <dgm:spPr/>
      <dgm:t>
        <a:bodyPr/>
        <a:lstStyle/>
        <a:p>
          <a:endParaRPr lang="en-US"/>
        </a:p>
      </dgm:t>
    </dgm:pt>
    <dgm:pt modelId="{E780D31D-4C8A-4F08-93F3-B454CAB941BA}" type="pres">
      <dgm:prSet presAssocID="{ADAA1DBA-736A-4345-9889-BB4E3AE1150A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89299A82-BA8C-4B60-8E93-9A06B1456DAC}" type="pres">
      <dgm:prSet presAssocID="{C1B384F5-8EB4-4A85-8D7E-C7183F2D6F23}" presName="hierRoot1" presStyleCnt="0">
        <dgm:presLayoutVars>
          <dgm:hierBranch val="init"/>
        </dgm:presLayoutVars>
      </dgm:prSet>
      <dgm:spPr/>
    </dgm:pt>
    <dgm:pt modelId="{2A4EFA5D-749E-4618-81C5-FEC71FFCA930}" type="pres">
      <dgm:prSet presAssocID="{C1B384F5-8EB4-4A85-8D7E-C7183F2D6F23}" presName="rootComposite1" presStyleCnt="0"/>
      <dgm:spPr/>
    </dgm:pt>
    <dgm:pt modelId="{9F339D75-94AA-45B1-854C-53CC81103764}" type="pres">
      <dgm:prSet presAssocID="{C1B384F5-8EB4-4A85-8D7E-C7183F2D6F23}" presName="rootText1" presStyleLbl="node0" presStyleIdx="0" presStyleCnt="1" custScaleX="117149" custScaleY="84903">
        <dgm:presLayoutVars>
          <dgm:chPref val="3"/>
        </dgm:presLayoutVars>
      </dgm:prSet>
      <dgm:spPr/>
    </dgm:pt>
    <dgm:pt modelId="{FFCBF3A9-41EC-4CBE-9A62-F9FCBD48D548}" type="pres">
      <dgm:prSet presAssocID="{C1B384F5-8EB4-4A85-8D7E-C7183F2D6F23}" presName="rootConnector1" presStyleLbl="node1" presStyleIdx="0" presStyleCnt="0"/>
      <dgm:spPr/>
    </dgm:pt>
    <dgm:pt modelId="{824E4584-9CED-40C8-A426-B18F3016704F}" type="pres">
      <dgm:prSet presAssocID="{C1B384F5-8EB4-4A85-8D7E-C7183F2D6F23}" presName="hierChild2" presStyleCnt="0"/>
      <dgm:spPr/>
    </dgm:pt>
    <dgm:pt modelId="{5A60A736-A1CF-49D7-9E0E-8C658716CBCC}" type="pres">
      <dgm:prSet presAssocID="{E9B9B393-FFE6-4911-85DC-0F24D01903D9}" presName="Name37" presStyleLbl="parChTrans1D2" presStyleIdx="0" presStyleCnt="5"/>
      <dgm:spPr/>
    </dgm:pt>
    <dgm:pt modelId="{C5D5C35B-4844-4DB5-9E7E-7E99FFB691D2}" type="pres">
      <dgm:prSet presAssocID="{35997768-CC76-4264-A895-EE0833FBE1F1}" presName="hierRoot2" presStyleCnt="0">
        <dgm:presLayoutVars>
          <dgm:hierBranch val="init"/>
        </dgm:presLayoutVars>
      </dgm:prSet>
      <dgm:spPr/>
    </dgm:pt>
    <dgm:pt modelId="{C7E34A88-C64A-4E1F-AD93-685BA0A22B6B}" type="pres">
      <dgm:prSet presAssocID="{35997768-CC76-4264-A895-EE0833FBE1F1}" presName="rootComposite" presStyleCnt="0"/>
      <dgm:spPr/>
    </dgm:pt>
    <dgm:pt modelId="{C8E74524-3A77-4264-85A5-CB94B672A056}" type="pres">
      <dgm:prSet presAssocID="{35997768-CC76-4264-A895-EE0833FBE1F1}" presName="rootText" presStyleLbl="node2" presStyleIdx="0" presStyleCnt="3" custScaleY="84903" custLinFactNeighborY="17160">
        <dgm:presLayoutVars>
          <dgm:chPref val="3"/>
        </dgm:presLayoutVars>
      </dgm:prSet>
      <dgm:spPr/>
    </dgm:pt>
    <dgm:pt modelId="{E480C986-FB54-46F6-A4F8-710341841824}" type="pres">
      <dgm:prSet presAssocID="{35997768-CC76-4264-A895-EE0833FBE1F1}" presName="rootConnector" presStyleLbl="node2" presStyleIdx="0" presStyleCnt="3"/>
      <dgm:spPr/>
    </dgm:pt>
    <dgm:pt modelId="{8B981216-156C-41F5-87D1-A1642FC85ED3}" type="pres">
      <dgm:prSet presAssocID="{35997768-CC76-4264-A895-EE0833FBE1F1}" presName="hierChild4" presStyleCnt="0"/>
      <dgm:spPr/>
    </dgm:pt>
    <dgm:pt modelId="{3576015F-2315-4CDF-91C0-92F1C21FA24D}" type="pres">
      <dgm:prSet presAssocID="{35997768-CC76-4264-A895-EE0833FBE1F1}" presName="hierChild5" presStyleCnt="0"/>
      <dgm:spPr/>
    </dgm:pt>
    <dgm:pt modelId="{BE0B87BC-0310-4F3B-9C1F-D51AE156B41D}" type="pres">
      <dgm:prSet presAssocID="{952F6BBB-7BD8-4AF1-85AD-A8596DD5394D}" presName="Name37" presStyleLbl="parChTrans1D2" presStyleIdx="1" presStyleCnt="5"/>
      <dgm:spPr/>
    </dgm:pt>
    <dgm:pt modelId="{84272810-4784-43E6-A1AE-F8EDE3D7C274}" type="pres">
      <dgm:prSet presAssocID="{D06AD0EB-C8FA-4716-BB7E-FE12BA7BDAD6}" presName="hierRoot2" presStyleCnt="0">
        <dgm:presLayoutVars>
          <dgm:hierBranch val="init"/>
        </dgm:presLayoutVars>
      </dgm:prSet>
      <dgm:spPr/>
    </dgm:pt>
    <dgm:pt modelId="{42BFABDE-8062-41A8-BCCC-ED1C8979E653}" type="pres">
      <dgm:prSet presAssocID="{D06AD0EB-C8FA-4716-BB7E-FE12BA7BDAD6}" presName="rootComposite" presStyleCnt="0"/>
      <dgm:spPr/>
    </dgm:pt>
    <dgm:pt modelId="{4E1200AB-10D3-4189-97D0-894FC3BA03FA}" type="pres">
      <dgm:prSet presAssocID="{D06AD0EB-C8FA-4716-BB7E-FE12BA7BDAD6}" presName="rootText" presStyleLbl="node2" presStyleIdx="1" presStyleCnt="3" custScaleY="84903" custLinFactNeighborY="17146">
        <dgm:presLayoutVars>
          <dgm:chPref val="3"/>
        </dgm:presLayoutVars>
      </dgm:prSet>
      <dgm:spPr/>
    </dgm:pt>
    <dgm:pt modelId="{08F4907E-7203-44D9-9425-D80C96C8CD04}" type="pres">
      <dgm:prSet presAssocID="{D06AD0EB-C8FA-4716-BB7E-FE12BA7BDAD6}" presName="rootConnector" presStyleLbl="node2" presStyleIdx="1" presStyleCnt="3"/>
      <dgm:spPr/>
    </dgm:pt>
    <dgm:pt modelId="{E93B0D01-000A-4E6B-8288-19D40D4ECB65}" type="pres">
      <dgm:prSet presAssocID="{D06AD0EB-C8FA-4716-BB7E-FE12BA7BDAD6}" presName="hierChild4" presStyleCnt="0"/>
      <dgm:spPr/>
    </dgm:pt>
    <dgm:pt modelId="{E0436797-7756-444A-9C22-0F16565BE461}" type="pres">
      <dgm:prSet presAssocID="{D06AD0EB-C8FA-4716-BB7E-FE12BA7BDAD6}" presName="hierChild5" presStyleCnt="0"/>
      <dgm:spPr/>
    </dgm:pt>
    <dgm:pt modelId="{59F720F9-53D6-4BB7-8D14-D9C17E82D2BB}" type="pres">
      <dgm:prSet presAssocID="{DD31E796-68C5-4368-99D9-1D7795365F06}" presName="Name37" presStyleLbl="parChTrans1D2" presStyleIdx="2" presStyleCnt="5"/>
      <dgm:spPr/>
    </dgm:pt>
    <dgm:pt modelId="{16D684A0-21C8-4406-8D11-8007997F5AAE}" type="pres">
      <dgm:prSet presAssocID="{6D3062FD-3CC1-4211-96B8-34B8A029E5C3}" presName="hierRoot2" presStyleCnt="0">
        <dgm:presLayoutVars>
          <dgm:hierBranch val="init"/>
        </dgm:presLayoutVars>
      </dgm:prSet>
      <dgm:spPr/>
    </dgm:pt>
    <dgm:pt modelId="{BC4CE2FC-44E5-4C0F-A95A-E30D0F54BFE3}" type="pres">
      <dgm:prSet presAssocID="{6D3062FD-3CC1-4211-96B8-34B8A029E5C3}" presName="rootComposite" presStyleCnt="0"/>
      <dgm:spPr/>
    </dgm:pt>
    <dgm:pt modelId="{EA129547-0DBF-4027-AD9E-7897C4A3C07E}" type="pres">
      <dgm:prSet presAssocID="{6D3062FD-3CC1-4211-96B8-34B8A029E5C3}" presName="rootText" presStyleLbl="node2" presStyleIdx="2" presStyleCnt="3" custScaleY="84903" custLinFactNeighborY="17160">
        <dgm:presLayoutVars>
          <dgm:chPref val="3"/>
        </dgm:presLayoutVars>
      </dgm:prSet>
      <dgm:spPr/>
    </dgm:pt>
    <dgm:pt modelId="{95A38014-95B0-4070-BAEC-2521D79C44FF}" type="pres">
      <dgm:prSet presAssocID="{6D3062FD-3CC1-4211-96B8-34B8A029E5C3}" presName="rootConnector" presStyleLbl="node2" presStyleIdx="2" presStyleCnt="3"/>
      <dgm:spPr/>
    </dgm:pt>
    <dgm:pt modelId="{C9D52DBF-2473-4BAA-88B1-2736AA37DE6C}" type="pres">
      <dgm:prSet presAssocID="{6D3062FD-3CC1-4211-96B8-34B8A029E5C3}" presName="hierChild4" presStyleCnt="0"/>
      <dgm:spPr/>
    </dgm:pt>
    <dgm:pt modelId="{32799FCF-C520-4C79-879E-B436CD051689}" type="pres">
      <dgm:prSet presAssocID="{6D3062FD-3CC1-4211-96B8-34B8A029E5C3}" presName="hierChild5" presStyleCnt="0"/>
      <dgm:spPr/>
    </dgm:pt>
    <dgm:pt modelId="{582AF153-4277-4C2F-83FE-16617B48D2D2}" type="pres">
      <dgm:prSet presAssocID="{C1B384F5-8EB4-4A85-8D7E-C7183F2D6F23}" presName="hierChild3" presStyleCnt="0"/>
      <dgm:spPr/>
    </dgm:pt>
    <dgm:pt modelId="{B238EFBE-F310-4831-91DE-F3EA455A98E2}" type="pres">
      <dgm:prSet presAssocID="{52332BE9-72EC-43EF-84DC-3C25B4E6568D}" presName="Name111" presStyleLbl="parChTrans1D2" presStyleIdx="3" presStyleCnt="5"/>
      <dgm:spPr/>
    </dgm:pt>
    <dgm:pt modelId="{5641D74F-5DEB-42A2-8ACC-2DB26D714D15}" type="pres">
      <dgm:prSet presAssocID="{BC7FBECA-EC00-4570-8DC5-ED8F463E2828}" presName="hierRoot3" presStyleCnt="0">
        <dgm:presLayoutVars>
          <dgm:hierBranch val="init"/>
        </dgm:presLayoutVars>
      </dgm:prSet>
      <dgm:spPr/>
    </dgm:pt>
    <dgm:pt modelId="{15C76C72-3D27-4548-AD22-B8F5F5233A52}" type="pres">
      <dgm:prSet presAssocID="{BC7FBECA-EC00-4570-8DC5-ED8F463E2828}" presName="rootComposite3" presStyleCnt="0"/>
      <dgm:spPr/>
    </dgm:pt>
    <dgm:pt modelId="{CC066B83-14FA-40C4-B641-2D0B6F6C7533}" type="pres">
      <dgm:prSet presAssocID="{BC7FBECA-EC00-4570-8DC5-ED8F463E2828}" presName="rootText3" presStyleLbl="asst1" presStyleIdx="0" presStyleCnt="2" custScaleY="84903">
        <dgm:presLayoutVars>
          <dgm:chPref val="3"/>
        </dgm:presLayoutVars>
      </dgm:prSet>
      <dgm:spPr/>
    </dgm:pt>
    <dgm:pt modelId="{A9463DBD-E587-4029-B591-19406300BC48}" type="pres">
      <dgm:prSet presAssocID="{BC7FBECA-EC00-4570-8DC5-ED8F463E2828}" presName="rootConnector3" presStyleLbl="asst1" presStyleIdx="0" presStyleCnt="2"/>
      <dgm:spPr/>
    </dgm:pt>
    <dgm:pt modelId="{796745BC-66A0-4E9F-B57A-57BA404754DE}" type="pres">
      <dgm:prSet presAssocID="{BC7FBECA-EC00-4570-8DC5-ED8F463E2828}" presName="hierChild6" presStyleCnt="0"/>
      <dgm:spPr/>
    </dgm:pt>
    <dgm:pt modelId="{83D1A2EC-109F-4615-B2B8-807E163DA29C}" type="pres">
      <dgm:prSet presAssocID="{BC7FBECA-EC00-4570-8DC5-ED8F463E2828}" presName="hierChild7" presStyleCnt="0"/>
      <dgm:spPr/>
    </dgm:pt>
    <dgm:pt modelId="{39D5177E-E080-4587-9A01-77F29FFC79C4}" type="pres">
      <dgm:prSet presAssocID="{D03C02C8-B3BC-43DD-8971-74C0636992AF}" presName="Name111" presStyleLbl="parChTrans1D2" presStyleIdx="4" presStyleCnt="5"/>
      <dgm:spPr/>
    </dgm:pt>
    <dgm:pt modelId="{E835A348-8EEB-4AEB-824E-14AACC3FE0B0}" type="pres">
      <dgm:prSet presAssocID="{0FBD387B-4A04-4B06-96A2-1FD980860486}" presName="hierRoot3" presStyleCnt="0">
        <dgm:presLayoutVars>
          <dgm:hierBranch val="init"/>
        </dgm:presLayoutVars>
      </dgm:prSet>
      <dgm:spPr/>
    </dgm:pt>
    <dgm:pt modelId="{EC6B5039-61F6-49C9-85AA-F0CD51EA7775}" type="pres">
      <dgm:prSet presAssocID="{0FBD387B-4A04-4B06-96A2-1FD980860486}" presName="rootComposite3" presStyleCnt="0"/>
      <dgm:spPr/>
    </dgm:pt>
    <dgm:pt modelId="{6378705D-A566-41B8-96F1-4F3D7FED0F3C}" type="pres">
      <dgm:prSet presAssocID="{0FBD387B-4A04-4B06-96A2-1FD980860486}" presName="rootText3" presStyleLbl="asst1" presStyleIdx="1" presStyleCnt="2" custScaleY="84903">
        <dgm:presLayoutVars>
          <dgm:chPref val="3"/>
        </dgm:presLayoutVars>
      </dgm:prSet>
      <dgm:spPr/>
    </dgm:pt>
    <dgm:pt modelId="{A2E2A14D-56E0-4549-8C07-74EBFF6C79CA}" type="pres">
      <dgm:prSet presAssocID="{0FBD387B-4A04-4B06-96A2-1FD980860486}" presName="rootConnector3" presStyleLbl="asst1" presStyleIdx="1" presStyleCnt="2"/>
      <dgm:spPr/>
    </dgm:pt>
    <dgm:pt modelId="{03E02D76-2177-4A6A-872B-84CF593FCB3E}" type="pres">
      <dgm:prSet presAssocID="{0FBD387B-4A04-4B06-96A2-1FD980860486}" presName="hierChild6" presStyleCnt="0"/>
      <dgm:spPr/>
    </dgm:pt>
    <dgm:pt modelId="{C16E2DB6-97B7-45AA-8636-99394E0A43BE}" type="pres">
      <dgm:prSet presAssocID="{0FBD387B-4A04-4B06-96A2-1FD980860486}" presName="hierChild7" presStyleCnt="0"/>
      <dgm:spPr/>
    </dgm:pt>
  </dgm:ptLst>
  <dgm:cxnLst>
    <dgm:cxn modelId="{0B067707-B0AD-43A8-AAB0-E7808AAB5EA1}" type="presOf" srcId="{0FBD387B-4A04-4B06-96A2-1FD980860486}" destId="{6378705D-A566-41B8-96F1-4F3D7FED0F3C}" srcOrd="0" destOrd="0" presId="urn:microsoft.com/office/officeart/2005/8/layout/orgChart1"/>
    <dgm:cxn modelId="{C6E08514-1788-4D9B-9CF1-DA50DF035F97}" type="presOf" srcId="{35997768-CC76-4264-A895-EE0833FBE1F1}" destId="{E480C986-FB54-46F6-A4F8-710341841824}" srcOrd="1" destOrd="0" presId="urn:microsoft.com/office/officeart/2005/8/layout/orgChart1"/>
    <dgm:cxn modelId="{27479D19-2492-4B10-B29A-932C9D5F0096}" type="presOf" srcId="{BC7FBECA-EC00-4570-8DC5-ED8F463E2828}" destId="{A9463DBD-E587-4029-B591-19406300BC48}" srcOrd="1" destOrd="0" presId="urn:microsoft.com/office/officeart/2005/8/layout/orgChart1"/>
    <dgm:cxn modelId="{6605F519-1B36-49B4-9293-03391D76CA73}" type="presOf" srcId="{35997768-CC76-4264-A895-EE0833FBE1F1}" destId="{C8E74524-3A77-4264-85A5-CB94B672A056}" srcOrd="0" destOrd="0" presId="urn:microsoft.com/office/officeart/2005/8/layout/orgChart1"/>
    <dgm:cxn modelId="{48002727-62B1-4082-A4C4-81EA2AB5E05A}" type="presOf" srcId="{6D3062FD-3CC1-4211-96B8-34B8A029E5C3}" destId="{95A38014-95B0-4070-BAEC-2521D79C44FF}" srcOrd="1" destOrd="0" presId="urn:microsoft.com/office/officeart/2005/8/layout/orgChart1"/>
    <dgm:cxn modelId="{0319342D-8655-49A9-9FB1-3D6DE63F138B}" type="presOf" srcId="{952F6BBB-7BD8-4AF1-85AD-A8596DD5394D}" destId="{BE0B87BC-0310-4F3B-9C1F-D51AE156B41D}" srcOrd="0" destOrd="0" presId="urn:microsoft.com/office/officeart/2005/8/layout/orgChart1"/>
    <dgm:cxn modelId="{2E7EB666-7247-4FD2-94DB-C9FDCDD9D296}" type="presOf" srcId="{52332BE9-72EC-43EF-84DC-3C25B4E6568D}" destId="{B238EFBE-F310-4831-91DE-F3EA455A98E2}" srcOrd="0" destOrd="0" presId="urn:microsoft.com/office/officeart/2005/8/layout/orgChart1"/>
    <dgm:cxn modelId="{C47F634F-12C5-457F-997F-26DD0F6BCB00}" type="presOf" srcId="{0FBD387B-4A04-4B06-96A2-1FD980860486}" destId="{A2E2A14D-56E0-4549-8C07-74EBFF6C79CA}" srcOrd="1" destOrd="0" presId="urn:microsoft.com/office/officeart/2005/8/layout/orgChart1"/>
    <dgm:cxn modelId="{D7E66270-E069-4473-93E2-C70014E31C40}" srcId="{C1B384F5-8EB4-4A85-8D7E-C7183F2D6F23}" destId="{0FBD387B-4A04-4B06-96A2-1FD980860486}" srcOrd="1" destOrd="0" parTransId="{D03C02C8-B3BC-43DD-8971-74C0636992AF}" sibTransId="{C8C89865-C525-4BBE-B0DE-D67448722FF8}"/>
    <dgm:cxn modelId="{593ABC50-381A-44FD-9DD6-0E22D6B19FB0}" type="presOf" srcId="{D06AD0EB-C8FA-4716-BB7E-FE12BA7BDAD6}" destId="{08F4907E-7203-44D9-9425-D80C96C8CD04}" srcOrd="1" destOrd="0" presId="urn:microsoft.com/office/officeart/2005/8/layout/orgChart1"/>
    <dgm:cxn modelId="{9915F457-34A6-424F-B9AA-DCAD0019EBE2}" srcId="{C1B384F5-8EB4-4A85-8D7E-C7183F2D6F23}" destId="{6D3062FD-3CC1-4211-96B8-34B8A029E5C3}" srcOrd="4" destOrd="0" parTransId="{DD31E796-68C5-4368-99D9-1D7795365F06}" sibTransId="{39EFEBFD-B298-48F1-8796-8D572EB20565}"/>
    <dgm:cxn modelId="{9D951A81-30AB-465E-9870-1E5B49E50878}" type="presOf" srcId="{BC7FBECA-EC00-4570-8DC5-ED8F463E2828}" destId="{CC066B83-14FA-40C4-B641-2D0B6F6C7533}" srcOrd="0" destOrd="0" presId="urn:microsoft.com/office/officeart/2005/8/layout/orgChart1"/>
    <dgm:cxn modelId="{22B55D8C-E029-4B24-864B-8730A84B5507}" type="presOf" srcId="{DD31E796-68C5-4368-99D9-1D7795365F06}" destId="{59F720F9-53D6-4BB7-8D14-D9C17E82D2BB}" srcOrd="0" destOrd="0" presId="urn:microsoft.com/office/officeart/2005/8/layout/orgChart1"/>
    <dgm:cxn modelId="{F216BE99-B167-44A6-BE5C-7158D2A47751}" type="presOf" srcId="{6D3062FD-3CC1-4211-96B8-34B8A029E5C3}" destId="{EA129547-0DBF-4027-AD9E-7897C4A3C07E}" srcOrd="0" destOrd="0" presId="urn:microsoft.com/office/officeart/2005/8/layout/orgChart1"/>
    <dgm:cxn modelId="{C93E8FA4-B5CD-463E-804C-6B840FC88ECB}" srcId="{C1B384F5-8EB4-4A85-8D7E-C7183F2D6F23}" destId="{D06AD0EB-C8FA-4716-BB7E-FE12BA7BDAD6}" srcOrd="3" destOrd="0" parTransId="{952F6BBB-7BD8-4AF1-85AD-A8596DD5394D}" sibTransId="{DB787B7A-2A18-49D4-8673-27A2D2EE0C6D}"/>
    <dgm:cxn modelId="{81A415AE-4F5F-4248-A492-82F79E9E984F}" srcId="{C1B384F5-8EB4-4A85-8D7E-C7183F2D6F23}" destId="{35997768-CC76-4264-A895-EE0833FBE1F1}" srcOrd="2" destOrd="0" parTransId="{E9B9B393-FFE6-4911-85DC-0F24D01903D9}" sibTransId="{A2357ED4-FEDC-428C-AD19-66C2A560DDA9}"/>
    <dgm:cxn modelId="{BF7497C5-746C-4347-BD89-E67AE26B2091}" type="presOf" srcId="{D03C02C8-B3BC-43DD-8971-74C0636992AF}" destId="{39D5177E-E080-4587-9A01-77F29FFC79C4}" srcOrd="0" destOrd="0" presId="urn:microsoft.com/office/officeart/2005/8/layout/orgChart1"/>
    <dgm:cxn modelId="{972F06CA-FA20-4631-9B05-B52CC532B98D}" type="presOf" srcId="{E9B9B393-FFE6-4911-85DC-0F24D01903D9}" destId="{5A60A736-A1CF-49D7-9E0E-8C658716CBCC}" srcOrd="0" destOrd="0" presId="urn:microsoft.com/office/officeart/2005/8/layout/orgChart1"/>
    <dgm:cxn modelId="{A01BE9CC-9FDC-49D7-BD5A-0F5AF56504A0}" type="presOf" srcId="{D06AD0EB-C8FA-4716-BB7E-FE12BA7BDAD6}" destId="{4E1200AB-10D3-4189-97D0-894FC3BA03FA}" srcOrd="0" destOrd="0" presId="urn:microsoft.com/office/officeart/2005/8/layout/orgChart1"/>
    <dgm:cxn modelId="{928412D1-11B9-4F61-A3F5-9DA710252A6D}" type="presOf" srcId="{C1B384F5-8EB4-4A85-8D7E-C7183F2D6F23}" destId="{FFCBF3A9-41EC-4CBE-9A62-F9FCBD48D548}" srcOrd="1" destOrd="0" presId="urn:microsoft.com/office/officeart/2005/8/layout/orgChart1"/>
    <dgm:cxn modelId="{06D02ED6-C82D-48A6-8651-03F0A8D8EF7A}" srcId="{C1B384F5-8EB4-4A85-8D7E-C7183F2D6F23}" destId="{BC7FBECA-EC00-4570-8DC5-ED8F463E2828}" srcOrd="0" destOrd="0" parTransId="{52332BE9-72EC-43EF-84DC-3C25B4E6568D}" sibTransId="{E4BF4D52-239C-4123-8AD3-AA5966EB9414}"/>
    <dgm:cxn modelId="{6E4D67DE-607F-443B-9970-101880D2CC2E}" type="presOf" srcId="{C1B384F5-8EB4-4A85-8D7E-C7183F2D6F23}" destId="{9F339D75-94AA-45B1-854C-53CC81103764}" srcOrd="0" destOrd="0" presId="urn:microsoft.com/office/officeart/2005/8/layout/orgChart1"/>
    <dgm:cxn modelId="{E87A9EEB-F5AF-4413-B5B8-2CAAC001EADB}" type="presOf" srcId="{ADAA1DBA-736A-4345-9889-BB4E3AE1150A}" destId="{E780D31D-4C8A-4F08-93F3-B454CAB941BA}" srcOrd="0" destOrd="0" presId="urn:microsoft.com/office/officeart/2005/8/layout/orgChart1"/>
    <dgm:cxn modelId="{23CF85F5-9F7E-49F1-BBC7-34089472D99A}" srcId="{ADAA1DBA-736A-4345-9889-BB4E3AE1150A}" destId="{C1B384F5-8EB4-4A85-8D7E-C7183F2D6F23}" srcOrd="0" destOrd="0" parTransId="{4B756BAA-D422-4005-BB39-0457E7969D30}" sibTransId="{71168BC9-3786-4122-B6AE-CC0B7F894F9E}"/>
    <dgm:cxn modelId="{831F5D78-4810-4F6B-B8CE-61F8F973824D}" type="presParOf" srcId="{E780D31D-4C8A-4F08-93F3-B454CAB941BA}" destId="{89299A82-BA8C-4B60-8E93-9A06B1456DAC}" srcOrd="0" destOrd="0" presId="urn:microsoft.com/office/officeart/2005/8/layout/orgChart1"/>
    <dgm:cxn modelId="{094B67B4-7F1C-48D7-96DC-00E1F3232261}" type="presParOf" srcId="{89299A82-BA8C-4B60-8E93-9A06B1456DAC}" destId="{2A4EFA5D-749E-4618-81C5-FEC71FFCA930}" srcOrd="0" destOrd="0" presId="urn:microsoft.com/office/officeart/2005/8/layout/orgChart1"/>
    <dgm:cxn modelId="{70847408-FF29-4021-89EA-3323F334E009}" type="presParOf" srcId="{2A4EFA5D-749E-4618-81C5-FEC71FFCA930}" destId="{9F339D75-94AA-45B1-854C-53CC81103764}" srcOrd="0" destOrd="0" presId="urn:microsoft.com/office/officeart/2005/8/layout/orgChart1"/>
    <dgm:cxn modelId="{BB44BC25-820D-4ABB-B685-0B9085DE93B4}" type="presParOf" srcId="{2A4EFA5D-749E-4618-81C5-FEC71FFCA930}" destId="{FFCBF3A9-41EC-4CBE-9A62-F9FCBD48D548}" srcOrd="1" destOrd="0" presId="urn:microsoft.com/office/officeart/2005/8/layout/orgChart1"/>
    <dgm:cxn modelId="{53C2B5EC-8BE6-4194-9B84-C51E3DABB168}" type="presParOf" srcId="{89299A82-BA8C-4B60-8E93-9A06B1456DAC}" destId="{824E4584-9CED-40C8-A426-B18F3016704F}" srcOrd="1" destOrd="0" presId="urn:microsoft.com/office/officeart/2005/8/layout/orgChart1"/>
    <dgm:cxn modelId="{84026BEF-26F3-4579-8DA4-B5113A8035E5}" type="presParOf" srcId="{824E4584-9CED-40C8-A426-B18F3016704F}" destId="{5A60A736-A1CF-49D7-9E0E-8C658716CBCC}" srcOrd="0" destOrd="0" presId="urn:microsoft.com/office/officeart/2005/8/layout/orgChart1"/>
    <dgm:cxn modelId="{02C381BD-5F81-4CEF-A81F-6397198DE2DC}" type="presParOf" srcId="{824E4584-9CED-40C8-A426-B18F3016704F}" destId="{C5D5C35B-4844-4DB5-9E7E-7E99FFB691D2}" srcOrd="1" destOrd="0" presId="urn:microsoft.com/office/officeart/2005/8/layout/orgChart1"/>
    <dgm:cxn modelId="{85EDA033-2488-437C-A6EB-CAC840A4019C}" type="presParOf" srcId="{C5D5C35B-4844-4DB5-9E7E-7E99FFB691D2}" destId="{C7E34A88-C64A-4E1F-AD93-685BA0A22B6B}" srcOrd="0" destOrd="0" presId="urn:microsoft.com/office/officeart/2005/8/layout/orgChart1"/>
    <dgm:cxn modelId="{3B7F41B8-DB34-4B4E-9049-642BD2F33391}" type="presParOf" srcId="{C7E34A88-C64A-4E1F-AD93-685BA0A22B6B}" destId="{C8E74524-3A77-4264-85A5-CB94B672A056}" srcOrd="0" destOrd="0" presId="urn:microsoft.com/office/officeart/2005/8/layout/orgChart1"/>
    <dgm:cxn modelId="{5D17421D-EB1A-4795-B26B-A9F7251541C0}" type="presParOf" srcId="{C7E34A88-C64A-4E1F-AD93-685BA0A22B6B}" destId="{E480C986-FB54-46F6-A4F8-710341841824}" srcOrd="1" destOrd="0" presId="urn:microsoft.com/office/officeart/2005/8/layout/orgChart1"/>
    <dgm:cxn modelId="{5DA3F960-4F88-4E38-B92D-80BBE54F0D54}" type="presParOf" srcId="{C5D5C35B-4844-4DB5-9E7E-7E99FFB691D2}" destId="{8B981216-156C-41F5-87D1-A1642FC85ED3}" srcOrd="1" destOrd="0" presId="urn:microsoft.com/office/officeart/2005/8/layout/orgChart1"/>
    <dgm:cxn modelId="{6194CC23-3348-4E7C-94A5-6ADA955D84F6}" type="presParOf" srcId="{C5D5C35B-4844-4DB5-9E7E-7E99FFB691D2}" destId="{3576015F-2315-4CDF-91C0-92F1C21FA24D}" srcOrd="2" destOrd="0" presId="urn:microsoft.com/office/officeart/2005/8/layout/orgChart1"/>
    <dgm:cxn modelId="{566F2156-F8E3-466E-83D4-60C013E4629D}" type="presParOf" srcId="{824E4584-9CED-40C8-A426-B18F3016704F}" destId="{BE0B87BC-0310-4F3B-9C1F-D51AE156B41D}" srcOrd="2" destOrd="0" presId="urn:microsoft.com/office/officeart/2005/8/layout/orgChart1"/>
    <dgm:cxn modelId="{2D131CD4-FC4B-478D-A107-C752FE40B3BE}" type="presParOf" srcId="{824E4584-9CED-40C8-A426-B18F3016704F}" destId="{84272810-4784-43E6-A1AE-F8EDE3D7C274}" srcOrd="3" destOrd="0" presId="urn:microsoft.com/office/officeart/2005/8/layout/orgChart1"/>
    <dgm:cxn modelId="{167AC7D3-99D0-4212-9507-6A169124334E}" type="presParOf" srcId="{84272810-4784-43E6-A1AE-F8EDE3D7C274}" destId="{42BFABDE-8062-41A8-BCCC-ED1C8979E653}" srcOrd="0" destOrd="0" presId="urn:microsoft.com/office/officeart/2005/8/layout/orgChart1"/>
    <dgm:cxn modelId="{493EB265-D4F0-4B79-9D02-EA4CE2630418}" type="presParOf" srcId="{42BFABDE-8062-41A8-BCCC-ED1C8979E653}" destId="{4E1200AB-10D3-4189-97D0-894FC3BA03FA}" srcOrd="0" destOrd="0" presId="urn:microsoft.com/office/officeart/2005/8/layout/orgChart1"/>
    <dgm:cxn modelId="{89425A3E-53B3-4C4E-B136-3473367A574E}" type="presParOf" srcId="{42BFABDE-8062-41A8-BCCC-ED1C8979E653}" destId="{08F4907E-7203-44D9-9425-D80C96C8CD04}" srcOrd="1" destOrd="0" presId="urn:microsoft.com/office/officeart/2005/8/layout/orgChart1"/>
    <dgm:cxn modelId="{AAE75C18-6BDB-468E-81C0-A300CF3FF725}" type="presParOf" srcId="{84272810-4784-43E6-A1AE-F8EDE3D7C274}" destId="{E93B0D01-000A-4E6B-8288-19D40D4ECB65}" srcOrd="1" destOrd="0" presId="urn:microsoft.com/office/officeart/2005/8/layout/orgChart1"/>
    <dgm:cxn modelId="{2E150A37-08A1-4B46-92CD-B9828F347F66}" type="presParOf" srcId="{84272810-4784-43E6-A1AE-F8EDE3D7C274}" destId="{E0436797-7756-444A-9C22-0F16565BE461}" srcOrd="2" destOrd="0" presId="urn:microsoft.com/office/officeart/2005/8/layout/orgChart1"/>
    <dgm:cxn modelId="{1B7C4728-2642-48CF-8B84-5BA0CCC6420C}" type="presParOf" srcId="{824E4584-9CED-40C8-A426-B18F3016704F}" destId="{59F720F9-53D6-4BB7-8D14-D9C17E82D2BB}" srcOrd="4" destOrd="0" presId="urn:microsoft.com/office/officeart/2005/8/layout/orgChart1"/>
    <dgm:cxn modelId="{6FDCA877-B5D7-4FDE-AA7B-0269FB4C9886}" type="presParOf" srcId="{824E4584-9CED-40C8-A426-B18F3016704F}" destId="{16D684A0-21C8-4406-8D11-8007997F5AAE}" srcOrd="5" destOrd="0" presId="urn:microsoft.com/office/officeart/2005/8/layout/orgChart1"/>
    <dgm:cxn modelId="{308640A2-F2C5-44B1-8367-3E3496675148}" type="presParOf" srcId="{16D684A0-21C8-4406-8D11-8007997F5AAE}" destId="{BC4CE2FC-44E5-4C0F-A95A-E30D0F54BFE3}" srcOrd="0" destOrd="0" presId="urn:microsoft.com/office/officeart/2005/8/layout/orgChart1"/>
    <dgm:cxn modelId="{F66C88D8-511B-46E8-B449-E120CF060630}" type="presParOf" srcId="{BC4CE2FC-44E5-4C0F-A95A-E30D0F54BFE3}" destId="{EA129547-0DBF-4027-AD9E-7897C4A3C07E}" srcOrd="0" destOrd="0" presId="urn:microsoft.com/office/officeart/2005/8/layout/orgChart1"/>
    <dgm:cxn modelId="{2D5B6D8D-F4CD-4229-BCBA-A9144125D2AA}" type="presParOf" srcId="{BC4CE2FC-44E5-4C0F-A95A-E30D0F54BFE3}" destId="{95A38014-95B0-4070-BAEC-2521D79C44FF}" srcOrd="1" destOrd="0" presId="urn:microsoft.com/office/officeart/2005/8/layout/orgChart1"/>
    <dgm:cxn modelId="{27A4A0F0-EBF8-436B-B585-7E16AE5390A5}" type="presParOf" srcId="{16D684A0-21C8-4406-8D11-8007997F5AAE}" destId="{C9D52DBF-2473-4BAA-88B1-2736AA37DE6C}" srcOrd="1" destOrd="0" presId="urn:microsoft.com/office/officeart/2005/8/layout/orgChart1"/>
    <dgm:cxn modelId="{D9AF9B2B-AE88-47B5-81C0-BF450953A90D}" type="presParOf" srcId="{16D684A0-21C8-4406-8D11-8007997F5AAE}" destId="{32799FCF-C520-4C79-879E-B436CD051689}" srcOrd="2" destOrd="0" presId="urn:microsoft.com/office/officeart/2005/8/layout/orgChart1"/>
    <dgm:cxn modelId="{7AF2405D-2B1F-4FB9-BDEF-D715E6397145}" type="presParOf" srcId="{89299A82-BA8C-4B60-8E93-9A06B1456DAC}" destId="{582AF153-4277-4C2F-83FE-16617B48D2D2}" srcOrd="2" destOrd="0" presId="urn:microsoft.com/office/officeart/2005/8/layout/orgChart1"/>
    <dgm:cxn modelId="{A9529C5D-2A2D-46E8-8482-B86CC96B256E}" type="presParOf" srcId="{582AF153-4277-4C2F-83FE-16617B48D2D2}" destId="{B238EFBE-F310-4831-91DE-F3EA455A98E2}" srcOrd="0" destOrd="0" presId="urn:microsoft.com/office/officeart/2005/8/layout/orgChart1"/>
    <dgm:cxn modelId="{FD900B8F-E06A-4DEE-B375-89184F4ECD57}" type="presParOf" srcId="{582AF153-4277-4C2F-83FE-16617B48D2D2}" destId="{5641D74F-5DEB-42A2-8ACC-2DB26D714D15}" srcOrd="1" destOrd="0" presId="urn:microsoft.com/office/officeart/2005/8/layout/orgChart1"/>
    <dgm:cxn modelId="{07308F16-D67F-4526-A4AF-6243088213B2}" type="presParOf" srcId="{5641D74F-5DEB-42A2-8ACC-2DB26D714D15}" destId="{15C76C72-3D27-4548-AD22-B8F5F5233A52}" srcOrd="0" destOrd="0" presId="urn:microsoft.com/office/officeart/2005/8/layout/orgChart1"/>
    <dgm:cxn modelId="{52A65815-D5FD-4511-A48C-E59DF6A359B6}" type="presParOf" srcId="{15C76C72-3D27-4548-AD22-B8F5F5233A52}" destId="{CC066B83-14FA-40C4-B641-2D0B6F6C7533}" srcOrd="0" destOrd="0" presId="urn:microsoft.com/office/officeart/2005/8/layout/orgChart1"/>
    <dgm:cxn modelId="{25B8F91A-CDA9-4C7B-A9BB-D43D4396F5E6}" type="presParOf" srcId="{15C76C72-3D27-4548-AD22-B8F5F5233A52}" destId="{A9463DBD-E587-4029-B591-19406300BC48}" srcOrd="1" destOrd="0" presId="urn:microsoft.com/office/officeart/2005/8/layout/orgChart1"/>
    <dgm:cxn modelId="{794A3030-35CD-48EE-89B3-7C125E98A48A}" type="presParOf" srcId="{5641D74F-5DEB-42A2-8ACC-2DB26D714D15}" destId="{796745BC-66A0-4E9F-B57A-57BA404754DE}" srcOrd="1" destOrd="0" presId="urn:microsoft.com/office/officeart/2005/8/layout/orgChart1"/>
    <dgm:cxn modelId="{87011A2B-5DCF-4379-8F15-33BB078B369A}" type="presParOf" srcId="{5641D74F-5DEB-42A2-8ACC-2DB26D714D15}" destId="{83D1A2EC-109F-4615-B2B8-807E163DA29C}" srcOrd="2" destOrd="0" presId="urn:microsoft.com/office/officeart/2005/8/layout/orgChart1"/>
    <dgm:cxn modelId="{D6AA93CC-7A29-41C3-BDDD-6A84669146D7}" type="presParOf" srcId="{582AF153-4277-4C2F-83FE-16617B48D2D2}" destId="{39D5177E-E080-4587-9A01-77F29FFC79C4}" srcOrd="2" destOrd="0" presId="urn:microsoft.com/office/officeart/2005/8/layout/orgChart1"/>
    <dgm:cxn modelId="{ABF7751B-9456-4E84-842B-F9BE29A8B90C}" type="presParOf" srcId="{582AF153-4277-4C2F-83FE-16617B48D2D2}" destId="{E835A348-8EEB-4AEB-824E-14AACC3FE0B0}" srcOrd="3" destOrd="0" presId="urn:microsoft.com/office/officeart/2005/8/layout/orgChart1"/>
    <dgm:cxn modelId="{633D4EDC-1D63-4291-B558-EB01344D6065}" type="presParOf" srcId="{E835A348-8EEB-4AEB-824E-14AACC3FE0B0}" destId="{EC6B5039-61F6-49C9-85AA-F0CD51EA7775}" srcOrd="0" destOrd="0" presId="urn:microsoft.com/office/officeart/2005/8/layout/orgChart1"/>
    <dgm:cxn modelId="{8AEA1423-E473-4111-A978-CAA39354A681}" type="presParOf" srcId="{EC6B5039-61F6-49C9-85AA-F0CD51EA7775}" destId="{6378705D-A566-41B8-96F1-4F3D7FED0F3C}" srcOrd="0" destOrd="0" presId="urn:microsoft.com/office/officeart/2005/8/layout/orgChart1"/>
    <dgm:cxn modelId="{4A4F7DEE-E3DB-4BD5-ABA6-557C23E88BF3}" type="presParOf" srcId="{EC6B5039-61F6-49C9-85AA-F0CD51EA7775}" destId="{A2E2A14D-56E0-4549-8C07-74EBFF6C79CA}" srcOrd="1" destOrd="0" presId="urn:microsoft.com/office/officeart/2005/8/layout/orgChart1"/>
    <dgm:cxn modelId="{85D612DD-5961-4053-940C-CF50DFE9662E}" type="presParOf" srcId="{E835A348-8EEB-4AEB-824E-14AACC3FE0B0}" destId="{03E02D76-2177-4A6A-872B-84CF593FCB3E}" srcOrd="1" destOrd="0" presId="urn:microsoft.com/office/officeart/2005/8/layout/orgChart1"/>
    <dgm:cxn modelId="{B88AAA51-F3DA-46DA-9F6C-4BCA0FC58B27}" type="presParOf" srcId="{E835A348-8EEB-4AEB-824E-14AACC3FE0B0}" destId="{C16E2DB6-97B7-45AA-8636-99394E0A43BE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299CEECF-6500-4230-B766-CA88F2D38879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2AF201B2-EE3B-4BB6-A314-8D238DAF5A71}">
      <dgm:prSet phldrT="[Text]" custT="1"/>
      <dgm:spPr/>
      <dgm:t>
        <a:bodyPr/>
        <a:lstStyle/>
        <a:p>
          <a:r>
            <a:rPr lang="en-US" sz="2200" dirty="0"/>
            <a:t>Pricing</a:t>
          </a:r>
        </a:p>
      </dgm:t>
    </dgm:pt>
    <dgm:pt modelId="{7CE61794-BFDD-4A74-94D6-2D08934B562B}" type="parTrans" cxnId="{E770B107-3D9E-4692-A56E-B134C763D080}">
      <dgm:prSet/>
      <dgm:spPr/>
      <dgm:t>
        <a:bodyPr/>
        <a:lstStyle/>
        <a:p>
          <a:endParaRPr lang="en-US"/>
        </a:p>
      </dgm:t>
    </dgm:pt>
    <dgm:pt modelId="{72CEAB4B-DE37-4742-9FF2-C38CE2DE894E}" type="sibTrans" cxnId="{E770B107-3D9E-4692-A56E-B134C763D080}">
      <dgm:prSet/>
      <dgm:spPr/>
      <dgm:t>
        <a:bodyPr/>
        <a:lstStyle/>
        <a:p>
          <a:endParaRPr lang="en-US"/>
        </a:p>
      </dgm:t>
    </dgm:pt>
    <dgm:pt modelId="{D2AE168A-E5E4-41C8-9217-F4FCF8C64EB1}">
      <dgm:prSet phldrT="[Text]" custT="1"/>
      <dgm:spPr/>
      <dgm:t>
        <a:bodyPr/>
        <a:lstStyle/>
        <a:p>
          <a:r>
            <a:rPr lang="en-US" sz="1800" dirty="0"/>
            <a:t>New Customers</a:t>
          </a:r>
        </a:p>
      </dgm:t>
    </dgm:pt>
    <dgm:pt modelId="{E4EE8517-B8FB-4EAD-8D81-BE11BE455A8A}" type="parTrans" cxnId="{9FC63008-108C-438A-B500-BC58A3CACEBB}">
      <dgm:prSet/>
      <dgm:spPr/>
      <dgm:t>
        <a:bodyPr/>
        <a:lstStyle/>
        <a:p>
          <a:endParaRPr lang="en-US"/>
        </a:p>
      </dgm:t>
    </dgm:pt>
    <dgm:pt modelId="{1D16A512-20C4-499F-B8FE-6F67DD524EFA}" type="sibTrans" cxnId="{9FC63008-108C-438A-B500-BC58A3CACEBB}">
      <dgm:prSet/>
      <dgm:spPr/>
      <dgm:t>
        <a:bodyPr/>
        <a:lstStyle/>
        <a:p>
          <a:endParaRPr lang="en-US"/>
        </a:p>
      </dgm:t>
    </dgm:pt>
    <dgm:pt modelId="{9985F03D-854F-4C4B-A10A-9D2CC0246314}">
      <dgm:prSet phldrT="[Text]" custT="1"/>
      <dgm:spPr/>
      <dgm:t>
        <a:bodyPr/>
        <a:lstStyle/>
        <a:p>
          <a:r>
            <a:rPr lang="en-US" sz="1800" dirty="0"/>
            <a:t>Loyal Customers</a:t>
          </a:r>
        </a:p>
      </dgm:t>
    </dgm:pt>
    <dgm:pt modelId="{055C585D-1353-411C-B325-025D32D22A7B}" type="parTrans" cxnId="{F2D2ACCE-4A34-4FD0-B8A3-0ADF50E12013}">
      <dgm:prSet/>
      <dgm:spPr/>
      <dgm:t>
        <a:bodyPr/>
        <a:lstStyle/>
        <a:p>
          <a:endParaRPr lang="en-US"/>
        </a:p>
      </dgm:t>
    </dgm:pt>
    <dgm:pt modelId="{F0C46066-95BB-4624-B5FF-1BA6B03A8B5F}" type="sibTrans" cxnId="{F2D2ACCE-4A34-4FD0-B8A3-0ADF50E12013}">
      <dgm:prSet/>
      <dgm:spPr/>
      <dgm:t>
        <a:bodyPr/>
        <a:lstStyle/>
        <a:p>
          <a:endParaRPr lang="en-US"/>
        </a:p>
      </dgm:t>
    </dgm:pt>
    <dgm:pt modelId="{C7CE0B0C-358B-46A0-84BE-248859B7905B}">
      <dgm:prSet phldrT="[Text]" custT="1"/>
      <dgm:spPr/>
      <dgm:t>
        <a:bodyPr/>
        <a:lstStyle/>
        <a:p>
          <a:r>
            <a:rPr lang="en-US" sz="1800" dirty="0"/>
            <a:t>Demand</a:t>
          </a:r>
        </a:p>
      </dgm:t>
    </dgm:pt>
    <dgm:pt modelId="{B4012699-006C-4779-B676-2C22B9C6466D}" type="parTrans" cxnId="{D79B1FA4-777F-4F85-B1AE-B3A6BD5A65BC}">
      <dgm:prSet/>
      <dgm:spPr/>
      <dgm:t>
        <a:bodyPr/>
        <a:lstStyle/>
        <a:p>
          <a:endParaRPr lang="en-US"/>
        </a:p>
      </dgm:t>
    </dgm:pt>
    <dgm:pt modelId="{234D870C-7AA2-4E0B-BF16-91B49F0D2ACB}" type="sibTrans" cxnId="{D79B1FA4-777F-4F85-B1AE-B3A6BD5A65BC}">
      <dgm:prSet/>
      <dgm:spPr/>
      <dgm:t>
        <a:bodyPr/>
        <a:lstStyle/>
        <a:p>
          <a:endParaRPr lang="en-US"/>
        </a:p>
      </dgm:t>
    </dgm:pt>
    <dgm:pt modelId="{71D16DFE-4210-4CB2-9734-20FA1E180E5E}" type="pres">
      <dgm:prSet presAssocID="{299CEECF-6500-4230-B766-CA88F2D38879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CCDE67DE-D8F0-47BB-AE12-05C2C3F444F2}" type="pres">
      <dgm:prSet presAssocID="{2AF201B2-EE3B-4BB6-A314-8D238DAF5A71}" presName="hierRoot1" presStyleCnt="0">
        <dgm:presLayoutVars>
          <dgm:hierBranch val="init"/>
        </dgm:presLayoutVars>
      </dgm:prSet>
      <dgm:spPr/>
    </dgm:pt>
    <dgm:pt modelId="{22C06FE0-63AD-4399-BA06-7B5A6A5730FF}" type="pres">
      <dgm:prSet presAssocID="{2AF201B2-EE3B-4BB6-A314-8D238DAF5A71}" presName="rootComposite1" presStyleCnt="0"/>
      <dgm:spPr/>
    </dgm:pt>
    <dgm:pt modelId="{8520A777-9527-464B-B025-53B49A3826AB}" type="pres">
      <dgm:prSet presAssocID="{2AF201B2-EE3B-4BB6-A314-8D238DAF5A71}" presName="rootText1" presStyleLbl="node0" presStyleIdx="0" presStyleCnt="1" custLinFactNeighborY="-83718">
        <dgm:presLayoutVars>
          <dgm:chPref val="3"/>
        </dgm:presLayoutVars>
      </dgm:prSet>
      <dgm:spPr/>
    </dgm:pt>
    <dgm:pt modelId="{BBA5A44B-3BD3-4036-ADBA-8323C901AE06}" type="pres">
      <dgm:prSet presAssocID="{2AF201B2-EE3B-4BB6-A314-8D238DAF5A71}" presName="rootConnector1" presStyleLbl="node1" presStyleIdx="0" presStyleCnt="0"/>
      <dgm:spPr/>
    </dgm:pt>
    <dgm:pt modelId="{2FBF7D69-0A2A-4AA4-8354-45AF8F82B453}" type="pres">
      <dgm:prSet presAssocID="{2AF201B2-EE3B-4BB6-A314-8D238DAF5A71}" presName="hierChild2" presStyleCnt="0"/>
      <dgm:spPr/>
    </dgm:pt>
    <dgm:pt modelId="{3F14E011-49D2-4053-A01E-C70DBA0E75FE}" type="pres">
      <dgm:prSet presAssocID="{E4EE8517-B8FB-4EAD-8D81-BE11BE455A8A}" presName="Name37" presStyleLbl="parChTrans1D2" presStyleIdx="0" presStyleCnt="3"/>
      <dgm:spPr/>
    </dgm:pt>
    <dgm:pt modelId="{77567C4B-B956-4831-B9E9-7043CB0263AB}" type="pres">
      <dgm:prSet presAssocID="{D2AE168A-E5E4-41C8-9217-F4FCF8C64EB1}" presName="hierRoot2" presStyleCnt="0">
        <dgm:presLayoutVars>
          <dgm:hierBranch val="init"/>
        </dgm:presLayoutVars>
      </dgm:prSet>
      <dgm:spPr/>
    </dgm:pt>
    <dgm:pt modelId="{22D5D5C5-70D2-4BBC-B0F1-1D760A045A8B}" type="pres">
      <dgm:prSet presAssocID="{D2AE168A-E5E4-41C8-9217-F4FCF8C64EB1}" presName="rootComposite" presStyleCnt="0"/>
      <dgm:spPr/>
    </dgm:pt>
    <dgm:pt modelId="{5D76B5B2-3141-4157-A710-49479285BB5E}" type="pres">
      <dgm:prSet presAssocID="{D2AE168A-E5E4-41C8-9217-F4FCF8C64EB1}" presName="rootText" presStyleLbl="node2" presStyleIdx="0" presStyleCnt="3" custLinFactNeighborY="76896">
        <dgm:presLayoutVars>
          <dgm:chPref val="3"/>
        </dgm:presLayoutVars>
      </dgm:prSet>
      <dgm:spPr/>
    </dgm:pt>
    <dgm:pt modelId="{63DDA285-D3C6-41D9-B85E-1D40427D3A50}" type="pres">
      <dgm:prSet presAssocID="{D2AE168A-E5E4-41C8-9217-F4FCF8C64EB1}" presName="rootConnector" presStyleLbl="node2" presStyleIdx="0" presStyleCnt="3"/>
      <dgm:spPr/>
    </dgm:pt>
    <dgm:pt modelId="{DC2DBA16-549A-4C8D-98EE-DD842317E48C}" type="pres">
      <dgm:prSet presAssocID="{D2AE168A-E5E4-41C8-9217-F4FCF8C64EB1}" presName="hierChild4" presStyleCnt="0"/>
      <dgm:spPr/>
    </dgm:pt>
    <dgm:pt modelId="{12E2C6C5-76FA-4DDC-B22F-E7543C2CC5A1}" type="pres">
      <dgm:prSet presAssocID="{D2AE168A-E5E4-41C8-9217-F4FCF8C64EB1}" presName="hierChild5" presStyleCnt="0"/>
      <dgm:spPr/>
    </dgm:pt>
    <dgm:pt modelId="{70A5B88B-EA3D-406C-A5F6-6019FFD5AE66}" type="pres">
      <dgm:prSet presAssocID="{055C585D-1353-411C-B325-025D32D22A7B}" presName="Name37" presStyleLbl="parChTrans1D2" presStyleIdx="1" presStyleCnt="3"/>
      <dgm:spPr/>
    </dgm:pt>
    <dgm:pt modelId="{40F98D02-D3CE-4ADB-A74B-0C6BDF14EC1C}" type="pres">
      <dgm:prSet presAssocID="{9985F03D-854F-4C4B-A10A-9D2CC0246314}" presName="hierRoot2" presStyleCnt="0">
        <dgm:presLayoutVars>
          <dgm:hierBranch val="init"/>
        </dgm:presLayoutVars>
      </dgm:prSet>
      <dgm:spPr/>
    </dgm:pt>
    <dgm:pt modelId="{AF6A7C3F-2212-4F2C-B944-2ED23A0F4EC6}" type="pres">
      <dgm:prSet presAssocID="{9985F03D-854F-4C4B-A10A-9D2CC0246314}" presName="rootComposite" presStyleCnt="0"/>
      <dgm:spPr/>
    </dgm:pt>
    <dgm:pt modelId="{7C57D538-51AD-4670-8F1C-859B6DD042CE}" type="pres">
      <dgm:prSet presAssocID="{9985F03D-854F-4C4B-A10A-9D2CC0246314}" presName="rootText" presStyleLbl="node2" presStyleIdx="1" presStyleCnt="3" custLinFactNeighborY="76896">
        <dgm:presLayoutVars>
          <dgm:chPref val="3"/>
        </dgm:presLayoutVars>
      </dgm:prSet>
      <dgm:spPr/>
    </dgm:pt>
    <dgm:pt modelId="{EBB55618-F2BF-4035-AF64-42C41118F7B8}" type="pres">
      <dgm:prSet presAssocID="{9985F03D-854F-4C4B-A10A-9D2CC0246314}" presName="rootConnector" presStyleLbl="node2" presStyleIdx="1" presStyleCnt="3"/>
      <dgm:spPr/>
    </dgm:pt>
    <dgm:pt modelId="{85EB2DA8-A9C8-43F8-ABE0-80BB33C24CF5}" type="pres">
      <dgm:prSet presAssocID="{9985F03D-854F-4C4B-A10A-9D2CC0246314}" presName="hierChild4" presStyleCnt="0"/>
      <dgm:spPr/>
    </dgm:pt>
    <dgm:pt modelId="{6F12D169-2CCF-496C-A8DA-B7B23076B958}" type="pres">
      <dgm:prSet presAssocID="{9985F03D-854F-4C4B-A10A-9D2CC0246314}" presName="hierChild5" presStyleCnt="0"/>
      <dgm:spPr/>
    </dgm:pt>
    <dgm:pt modelId="{4221D7C2-E062-4E72-81E5-7896BF45BEEC}" type="pres">
      <dgm:prSet presAssocID="{B4012699-006C-4779-B676-2C22B9C6466D}" presName="Name37" presStyleLbl="parChTrans1D2" presStyleIdx="2" presStyleCnt="3"/>
      <dgm:spPr/>
    </dgm:pt>
    <dgm:pt modelId="{7C6F2CCD-06D9-441E-87AF-6B10E4174B8D}" type="pres">
      <dgm:prSet presAssocID="{C7CE0B0C-358B-46A0-84BE-248859B7905B}" presName="hierRoot2" presStyleCnt="0">
        <dgm:presLayoutVars>
          <dgm:hierBranch val="init"/>
        </dgm:presLayoutVars>
      </dgm:prSet>
      <dgm:spPr/>
    </dgm:pt>
    <dgm:pt modelId="{7F822393-8E96-45EF-AA84-403CCF6B7444}" type="pres">
      <dgm:prSet presAssocID="{C7CE0B0C-358B-46A0-84BE-248859B7905B}" presName="rootComposite" presStyleCnt="0"/>
      <dgm:spPr/>
    </dgm:pt>
    <dgm:pt modelId="{7745E4DD-6320-47E5-B02F-4A678554D5C7}" type="pres">
      <dgm:prSet presAssocID="{C7CE0B0C-358B-46A0-84BE-248859B7905B}" presName="rootText" presStyleLbl="node2" presStyleIdx="2" presStyleCnt="3" custLinFactNeighborY="76896">
        <dgm:presLayoutVars>
          <dgm:chPref val="3"/>
        </dgm:presLayoutVars>
      </dgm:prSet>
      <dgm:spPr/>
    </dgm:pt>
    <dgm:pt modelId="{6A3EDE0B-5A41-44DC-8966-8AA33BB22172}" type="pres">
      <dgm:prSet presAssocID="{C7CE0B0C-358B-46A0-84BE-248859B7905B}" presName="rootConnector" presStyleLbl="node2" presStyleIdx="2" presStyleCnt="3"/>
      <dgm:spPr/>
    </dgm:pt>
    <dgm:pt modelId="{E5F28409-6884-4D49-B7CE-D8B73EA6489C}" type="pres">
      <dgm:prSet presAssocID="{C7CE0B0C-358B-46A0-84BE-248859B7905B}" presName="hierChild4" presStyleCnt="0"/>
      <dgm:spPr/>
    </dgm:pt>
    <dgm:pt modelId="{A909B7E8-9A70-4CD4-A052-87BBFC438FBF}" type="pres">
      <dgm:prSet presAssocID="{C7CE0B0C-358B-46A0-84BE-248859B7905B}" presName="hierChild5" presStyleCnt="0"/>
      <dgm:spPr/>
    </dgm:pt>
    <dgm:pt modelId="{289B99A3-D447-44D1-863A-90F218FEBF5C}" type="pres">
      <dgm:prSet presAssocID="{2AF201B2-EE3B-4BB6-A314-8D238DAF5A71}" presName="hierChild3" presStyleCnt="0"/>
      <dgm:spPr/>
    </dgm:pt>
  </dgm:ptLst>
  <dgm:cxnLst>
    <dgm:cxn modelId="{E770B107-3D9E-4692-A56E-B134C763D080}" srcId="{299CEECF-6500-4230-B766-CA88F2D38879}" destId="{2AF201B2-EE3B-4BB6-A314-8D238DAF5A71}" srcOrd="0" destOrd="0" parTransId="{7CE61794-BFDD-4A74-94D6-2D08934B562B}" sibTransId="{72CEAB4B-DE37-4742-9FF2-C38CE2DE894E}"/>
    <dgm:cxn modelId="{9FC63008-108C-438A-B500-BC58A3CACEBB}" srcId="{2AF201B2-EE3B-4BB6-A314-8D238DAF5A71}" destId="{D2AE168A-E5E4-41C8-9217-F4FCF8C64EB1}" srcOrd="0" destOrd="0" parTransId="{E4EE8517-B8FB-4EAD-8D81-BE11BE455A8A}" sibTransId="{1D16A512-20C4-499F-B8FE-6F67DD524EFA}"/>
    <dgm:cxn modelId="{5B632013-73E7-4C8B-BA1C-2CEF0EE635B2}" type="presOf" srcId="{C7CE0B0C-358B-46A0-84BE-248859B7905B}" destId="{7745E4DD-6320-47E5-B02F-4A678554D5C7}" srcOrd="0" destOrd="0" presId="urn:microsoft.com/office/officeart/2005/8/layout/orgChart1"/>
    <dgm:cxn modelId="{73AAF418-9C78-447D-8C8E-AE3A806B82A7}" type="presOf" srcId="{2AF201B2-EE3B-4BB6-A314-8D238DAF5A71}" destId="{BBA5A44B-3BD3-4036-ADBA-8323C901AE06}" srcOrd="1" destOrd="0" presId="urn:microsoft.com/office/officeart/2005/8/layout/orgChart1"/>
    <dgm:cxn modelId="{0813C21F-446F-4E8A-966F-721EC1F7C329}" type="presOf" srcId="{B4012699-006C-4779-B676-2C22B9C6466D}" destId="{4221D7C2-E062-4E72-81E5-7896BF45BEEC}" srcOrd="0" destOrd="0" presId="urn:microsoft.com/office/officeart/2005/8/layout/orgChart1"/>
    <dgm:cxn modelId="{910B505F-C11A-437F-B086-2E839E05B723}" type="presOf" srcId="{9985F03D-854F-4C4B-A10A-9D2CC0246314}" destId="{7C57D538-51AD-4670-8F1C-859B6DD042CE}" srcOrd="0" destOrd="0" presId="urn:microsoft.com/office/officeart/2005/8/layout/orgChart1"/>
    <dgm:cxn modelId="{1A0CD346-81A9-4CED-A9DC-D5C0EAA52967}" type="presOf" srcId="{055C585D-1353-411C-B325-025D32D22A7B}" destId="{70A5B88B-EA3D-406C-A5F6-6019FFD5AE66}" srcOrd="0" destOrd="0" presId="urn:microsoft.com/office/officeart/2005/8/layout/orgChart1"/>
    <dgm:cxn modelId="{37DD5C67-04C4-4F82-B641-9F7F1165CEFD}" type="presOf" srcId="{D2AE168A-E5E4-41C8-9217-F4FCF8C64EB1}" destId="{5D76B5B2-3141-4157-A710-49479285BB5E}" srcOrd="0" destOrd="0" presId="urn:microsoft.com/office/officeart/2005/8/layout/orgChart1"/>
    <dgm:cxn modelId="{D58D244F-2612-4A64-BE56-D178347AE8B6}" type="presOf" srcId="{299CEECF-6500-4230-B766-CA88F2D38879}" destId="{71D16DFE-4210-4CB2-9734-20FA1E180E5E}" srcOrd="0" destOrd="0" presId="urn:microsoft.com/office/officeart/2005/8/layout/orgChart1"/>
    <dgm:cxn modelId="{D3036151-0A94-4191-A701-301F2290C90C}" type="presOf" srcId="{C7CE0B0C-358B-46A0-84BE-248859B7905B}" destId="{6A3EDE0B-5A41-44DC-8966-8AA33BB22172}" srcOrd="1" destOrd="0" presId="urn:microsoft.com/office/officeart/2005/8/layout/orgChart1"/>
    <dgm:cxn modelId="{058AAE87-2CAD-45D2-96BF-ADDD68B4F265}" type="presOf" srcId="{9985F03D-854F-4C4B-A10A-9D2CC0246314}" destId="{EBB55618-F2BF-4035-AF64-42C41118F7B8}" srcOrd="1" destOrd="0" presId="urn:microsoft.com/office/officeart/2005/8/layout/orgChart1"/>
    <dgm:cxn modelId="{63A88B88-A84E-4C4D-9A97-B338EE9395AF}" type="presOf" srcId="{2AF201B2-EE3B-4BB6-A314-8D238DAF5A71}" destId="{8520A777-9527-464B-B025-53B49A3826AB}" srcOrd="0" destOrd="0" presId="urn:microsoft.com/office/officeart/2005/8/layout/orgChart1"/>
    <dgm:cxn modelId="{D79B1FA4-777F-4F85-B1AE-B3A6BD5A65BC}" srcId="{2AF201B2-EE3B-4BB6-A314-8D238DAF5A71}" destId="{C7CE0B0C-358B-46A0-84BE-248859B7905B}" srcOrd="2" destOrd="0" parTransId="{B4012699-006C-4779-B676-2C22B9C6466D}" sibTransId="{234D870C-7AA2-4E0B-BF16-91B49F0D2ACB}"/>
    <dgm:cxn modelId="{B58434B0-F80B-4A87-AE71-210746F89324}" type="presOf" srcId="{E4EE8517-B8FB-4EAD-8D81-BE11BE455A8A}" destId="{3F14E011-49D2-4053-A01E-C70DBA0E75FE}" srcOrd="0" destOrd="0" presId="urn:microsoft.com/office/officeart/2005/8/layout/orgChart1"/>
    <dgm:cxn modelId="{F2D2ACCE-4A34-4FD0-B8A3-0ADF50E12013}" srcId="{2AF201B2-EE3B-4BB6-A314-8D238DAF5A71}" destId="{9985F03D-854F-4C4B-A10A-9D2CC0246314}" srcOrd="1" destOrd="0" parTransId="{055C585D-1353-411C-B325-025D32D22A7B}" sibTransId="{F0C46066-95BB-4624-B5FF-1BA6B03A8B5F}"/>
    <dgm:cxn modelId="{13CAAEFB-F5FE-47B4-B16F-62E7DF605BBB}" type="presOf" srcId="{D2AE168A-E5E4-41C8-9217-F4FCF8C64EB1}" destId="{63DDA285-D3C6-41D9-B85E-1D40427D3A50}" srcOrd="1" destOrd="0" presId="urn:microsoft.com/office/officeart/2005/8/layout/orgChart1"/>
    <dgm:cxn modelId="{7F610A2F-16C8-4810-A61F-6691E6B577E2}" type="presParOf" srcId="{71D16DFE-4210-4CB2-9734-20FA1E180E5E}" destId="{CCDE67DE-D8F0-47BB-AE12-05C2C3F444F2}" srcOrd="0" destOrd="0" presId="urn:microsoft.com/office/officeart/2005/8/layout/orgChart1"/>
    <dgm:cxn modelId="{F9AA8614-5D56-4035-A6F0-739E3BF35B58}" type="presParOf" srcId="{CCDE67DE-D8F0-47BB-AE12-05C2C3F444F2}" destId="{22C06FE0-63AD-4399-BA06-7B5A6A5730FF}" srcOrd="0" destOrd="0" presId="urn:microsoft.com/office/officeart/2005/8/layout/orgChart1"/>
    <dgm:cxn modelId="{648D56E7-AEFD-4EA0-AAFE-B480B8DAF087}" type="presParOf" srcId="{22C06FE0-63AD-4399-BA06-7B5A6A5730FF}" destId="{8520A777-9527-464B-B025-53B49A3826AB}" srcOrd="0" destOrd="0" presId="urn:microsoft.com/office/officeart/2005/8/layout/orgChart1"/>
    <dgm:cxn modelId="{82D54903-F69F-4773-B981-FA1B988D4AD4}" type="presParOf" srcId="{22C06FE0-63AD-4399-BA06-7B5A6A5730FF}" destId="{BBA5A44B-3BD3-4036-ADBA-8323C901AE06}" srcOrd="1" destOrd="0" presId="urn:microsoft.com/office/officeart/2005/8/layout/orgChart1"/>
    <dgm:cxn modelId="{7016034A-33C3-4139-8FF2-83C17530A8D7}" type="presParOf" srcId="{CCDE67DE-D8F0-47BB-AE12-05C2C3F444F2}" destId="{2FBF7D69-0A2A-4AA4-8354-45AF8F82B453}" srcOrd="1" destOrd="0" presId="urn:microsoft.com/office/officeart/2005/8/layout/orgChart1"/>
    <dgm:cxn modelId="{2C0FBD41-1D0D-42C2-AC9A-F5ADB5C38997}" type="presParOf" srcId="{2FBF7D69-0A2A-4AA4-8354-45AF8F82B453}" destId="{3F14E011-49D2-4053-A01E-C70DBA0E75FE}" srcOrd="0" destOrd="0" presId="urn:microsoft.com/office/officeart/2005/8/layout/orgChart1"/>
    <dgm:cxn modelId="{1E96B80C-A7EA-4ADC-B7B7-EAE10201AE6A}" type="presParOf" srcId="{2FBF7D69-0A2A-4AA4-8354-45AF8F82B453}" destId="{77567C4B-B956-4831-B9E9-7043CB0263AB}" srcOrd="1" destOrd="0" presId="urn:microsoft.com/office/officeart/2005/8/layout/orgChart1"/>
    <dgm:cxn modelId="{5F8AFBD0-5F06-454E-8C10-5BEC64A6E9CE}" type="presParOf" srcId="{77567C4B-B956-4831-B9E9-7043CB0263AB}" destId="{22D5D5C5-70D2-4BBC-B0F1-1D760A045A8B}" srcOrd="0" destOrd="0" presId="urn:microsoft.com/office/officeart/2005/8/layout/orgChart1"/>
    <dgm:cxn modelId="{A4424DA7-256A-4E86-9E6F-6D96E6BCABB4}" type="presParOf" srcId="{22D5D5C5-70D2-4BBC-B0F1-1D760A045A8B}" destId="{5D76B5B2-3141-4157-A710-49479285BB5E}" srcOrd="0" destOrd="0" presId="urn:microsoft.com/office/officeart/2005/8/layout/orgChart1"/>
    <dgm:cxn modelId="{EB24B2B0-A3CC-46E6-B0AE-E707B589C90E}" type="presParOf" srcId="{22D5D5C5-70D2-4BBC-B0F1-1D760A045A8B}" destId="{63DDA285-D3C6-41D9-B85E-1D40427D3A50}" srcOrd="1" destOrd="0" presId="urn:microsoft.com/office/officeart/2005/8/layout/orgChart1"/>
    <dgm:cxn modelId="{75F10779-A27B-4589-8721-49233BD0E993}" type="presParOf" srcId="{77567C4B-B956-4831-B9E9-7043CB0263AB}" destId="{DC2DBA16-549A-4C8D-98EE-DD842317E48C}" srcOrd="1" destOrd="0" presId="urn:microsoft.com/office/officeart/2005/8/layout/orgChart1"/>
    <dgm:cxn modelId="{B5067A8F-2CAC-4208-8A08-0B1CDB38302B}" type="presParOf" srcId="{77567C4B-B956-4831-B9E9-7043CB0263AB}" destId="{12E2C6C5-76FA-4DDC-B22F-E7543C2CC5A1}" srcOrd="2" destOrd="0" presId="urn:microsoft.com/office/officeart/2005/8/layout/orgChart1"/>
    <dgm:cxn modelId="{E2E12EBB-4567-45BD-9A46-69CCB63F9DA1}" type="presParOf" srcId="{2FBF7D69-0A2A-4AA4-8354-45AF8F82B453}" destId="{70A5B88B-EA3D-406C-A5F6-6019FFD5AE66}" srcOrd="2" destOrd="0" presId="urn:microsoft.com/office/officeart/2005/8/layout/orgChart1"/>
    <dgm:cxn modelId="{6440002A-351C-4AC3-BA00-00682E689759}" type="presParOf" srcId="{2FBF7D69-0A2A-4AA4-8354-45AF8F82B453}" destId="{40F98D02-D3CE-4ADB-A74B-0C6BDF14EC1C}" srcOrd="3" destOrd="0" presId="urn:microsoft.com/office/officeart/2005/8/layout/orgChart1"/>
    <dgm:cxn modelId="{1CF3D05A-3B93-4765-9751-E03D369C12AD}" type="presParOf" srcId="{40F98D02-D3CE-4ADB-A74B-0C6BDF14EC1C}" destId="{AF6A7C3F-2212-4F2C-B944-2ED23A0F4EC6}" srcOrd="0" destOrd="0" presId="urn:microsoft.com/office/officeart/2005/8/layout/orgChart1"/>
    <dgm:cxn modelId="{E18B925F-0F29-4DE6-A918-F64BAF05DB33}" type="presParOf" srcId="{AF6A7C3F-2212-4F2C-B944-2ED23A0F4EC6}" destId="{7C57D538-51AD-4670-8F1C-859B6DD042CE}" srcOrd="0" destOrd="0" presId="urn:microsoft.com/office/officeart/2005/8/layout/orgChart1"/>
    <dgm:cxn modelId="{B748C696-244E-470D-B623-57382E72C9A8}" type="presParOf" srcId="{AF6A7C3F-2212-4F2C-B944-2ED23A0F4EC6}" destId="{EBB55618-F2BF-4035-AF64-42C41118F7B8}" srcOrd="1" destOrd="0" presId="urn:microsoft.com/office/officeart/2005/8/layout/orgChart1"/>
    <dgm:cxn modelId="{3A749054-881E-4C05-AB71-80E1F9CC6F62}" type="presParOf" srcId="{40F98D02-D3CE-4ADB-A74B-0C6BDF14EC1C}" destId="{85EB2DA8-A9C8-43F8-ABE0-80BB33C24CF5}" srcOrd="1" destOrd="0" presId="urn:microsoft.com/office/officeart/2005/8/layout/orgChart1"/>
    <dgm:cxn modelId="{10E94357-8CEB-4479-AA0A-BAD99B474D2A}" type="presParOf" srcId="{40F98D02-D3CE-4ADB-A74B-0C6BDF14EC1C}" destId="{6F12D169-2CCF-496C-A8DA-B7B23076B958}" srcOrd="2" destOrd="0" presId="urn:microsoft.com/office/officeart/2005/8/layout/orgChart1"/>
    <dgm:cxn modelId="{27E2E94C-D1B0-4500-94FC-2F6833D06BB1}" type="presParOf" srcId="{2FBF7D69-0A2A-4AA4-8354-45AF8F82B453}" destId="{4221D7C2-E062-4E72-81E5-7896BF45BEEC}" srcOrd="4" destOrd="0" presId="urn:microsoft.com/office/officeart/2005/8/layout/orgChart1"/>
    <dgm:cxn modelId="{7917672A-B81D-4CAB-9084-70E5C1C42AA5}" type="presParOf" srcId="{2FBF7D69-0A2A-4AA4-8354-45AF8F82B453}" destId="{7C6F2CCD-06D9-441E-87AF-6B10E4174B8D}" srcOrd="5" destOrd="0" presId="urn:microsoft.com/office/officeart/2005/8/layout/orgChart1"/>
    <dgm:cxn modelId="{826199FD-EE46-49A0-8CB9-E3283740198D}" type="presParOf" srcId="{7C6F2CCD-06D9-441E-87AF-6B10E4174B8D}" destId="{7F822393-8E96-45EF-AA84-403CCF6B7444}" srcOrd="0" destOrd="0" presId="urn:microsoft.com/office/officeart/2005/8/layout/orgChart1"/>
    <dgm:cxn modelId="{43E3E455-69F9-4FD3-AA3A-A100D9CC986B}" type="presParOf" srcId="{7F822393-8E96-45EF-AA84-403CCF6B7444}" destId="{7745E4DD-6320-47E5-B02F-4A678554D5C7}" srcOrd="0" destOrd="0" presId="urn:microsoft.com/office/officeart/2005/8/layout/orgChart1"/>
    <dgm:cxn modelId="{2067A811-9166-4F29-A9B3-C2395B79BB04}" type="presParOf" srcId="{7F822393-8E96-45EF-AA84-403CCF6B7444}" destId="{6A3EDE0B-5A41-44DC-8966-8AA33BB22172}" srcOrd="1" destOrd="0" presId="urn:microsoft.com/office/officeart/2005/8/layout/orgChart1"/>
    <dgm:cxn modelId="{74A4E1A5-94A6-4BA9-AF88-7C845B417146}" type="presParOf" srcId="{7C6F2CCD-06D9-441E-87AF-6B10E4174B8D}" destId="{E5F28409-6884-4D49-B7CE-D8B73EA6489C}" srcOrd="1" destOrd="0" presId="urn:microsoft.com/office/officeart/2005/8/layout/orgChart1"/>
    <dgm:cxn modelId="{A771C3FC-D080-46E8-BE60-9A4E35727019}" type="presParOf" srcId="{7C6F2CCD-06D9-441E-87AF-6B10E4174B8D}" destId="{A909B7E8-9A70-4CD4-A052-87BBFC438FBF}" srcOrd="2" destOrd="0" presId="urn:microsoft.com/office/officeart/2005/8/layout/orgChart1"/>
    <dgm:cxn modelId="{8D7A55AE-B3BD-48E7-BEB0-783FF0B2E967}" type="presParOf" srcId="{CCDE67DE-D8F0-47BB-AE12-05C2C3F444F2}" destId="{289B99A3-D447-44D1-863A-90F218FEBF5C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E9C8439-5166-C849-881D-54E67E8820AF}">
      <dsp:nvSpPr>
        <dsp:cNvPr id="0" name=""/>
        <dsp:cNvSpPr/>
      </dsp:nvSpPr>
      <dsp:spPr>
        <a:xfrm>
          <a:off x="348206" y="835188"/>
          <a:ext cx="1075482" cy="1075482"/>
        </a:xfrm>
        <a:prstGeom prst="ellipse">
          <a:avLst/>
        </a:prstGeom>
        <a:solidFill>
          <a:schemeClr val="accent2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FDAA93-2F4F-154C-92E9-F8C025BCA80C}">
      <dsp:nvSpPr>
        <dsp:cNvPr id="0" name=""/>
        <dsp:cNvSpPr/>
      </dsp:nvSpPr>
      <dsp:spPr>
        <a:xfrm>
          <a:off x="577408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65F6597-3B05-5C46-8736-9BC18931810A}">
      <dsp:nvSpPr>
        <dsp:cNvPr id="0" name=""/>
        <dsp:cNvSpPr/>
      </dsp:nvSpPr>
      <dsp:spPr>
        <a:xfrm>
          <a:off x="4405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/>
            <a:t> station expansion</a:t>
          </a:r>
        </a:p>
      </dsp:txBody>
      <dsp:txXfrm>
        <a:off x="4405" y="2245657"/>
        <a:ext cx="1763085" cy="705234"/>
      </dsp:txXfrm>
    </dsp:sp>
    <dsp:sp modelId="{E5D0A7DB-F870-4289-A176-74DC8634D49F}">
      <dsp:nvSpPr>
        <dsp:cNvPr id="0" name=""/>
        <dsp:cNvSpPr/>
      </dsp:nvSpPr>
      <dsp:spPr>
        <a:xfrm>
          <a:off x="2419832" y="835188"/>
          <a:ext cx="1075482" cy="1075482"/>
        </a:xfrm>
        <a:prstGeom prst="ellipse">
          <a:avLst/>
        </a:prstGeom>
        <a:solidFill>
          <a:schemeClr val="accent3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6532A6-7EC2-48FB-9700-1C2608E2063C}">
      <dsp:nvSpPr>
        <dsp:cNvPr id="0" name=""/>
        <dsp:cNvSpPr/>
      </dsp:nvSpPr>
      <dsp:spPr>
        <a:xfrm>
          <a:off x="2649033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CCB9B7-3229-4D84-88AF-537C55717936}">
      <dsp:nvSpPr>
        <dsp:cNvPr id="0" name=""/>
        <dsp:cNvSpPr/>
      </dsp:nvSpPr>
      <dsp:spPr>
        <a:xfrm>
          <a:off x="2076031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easonal trend</a:t>
          </a:r>
        </a:p>
      </dsp:txBody>
      <dsp:txXfrm>
        <a:off x="2076031" y="2245657"/>
        <a:ext cx="1763085" cy="705234"/>
      </dsp:txXfrm>
    </dsp:sp>
    <dsp:sp modelId="{3EC02099-2D14-4F0B-98D2-969D1935C96B}">
      <dsp:nvSpPr>
        <dsp:cNvPr id="0" name=""/>
        <dsp:cNvSpPr/>
      </dsp:nvSpPr>
      <dsp:spPr>
        <a:xfrm>
          <a:off x="4491458" y="835188"/>
          <a:ext cx="1075482" cy="1075482"/>
        </a:xfrm>
        <a:prstGeom prst="ellipse">
          <a:avLst/>
        </a:prstGeom>
        <a:solidFill>
          <a:schemeClr val="accent4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C6369C-F074-481D-877F-C3CA1C8B2601}">
      <dsp:nvSpPr>
        <dsp:cNvPr id="0" name=""/>
        <dsp:cNvSpPr/>
      </dsp:nvSpPr>
      <dsp:spPr>
        <a:xfrm>
          <a:off x="4720659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1E48B1-231B-40EC-9DEB-E9C62DB9B354}">
      <dsp:nvSpPr>
        <dsp:cNvPr id="0" name=""/>
        <dsp:cNvSpPr/>
      </dsp:nvSpPr>
      <dsp:spPr>
        <a:xfrm>
          <a:off x="4147657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Weekly and hourly trend</a:t>
          </a:r>
        </a:p>
      </dsp:txBody>
      <dsp:txXfrm>
        <a:off x="4147657" y="2245657"/>
        <a:ext cx="1763085" cy="705234"/>
      </dsp:txXfrm>
    </dsp:sp>
    <dsp:sp modelId="{3B05B3D7-3CA4-4213-988D-5520E9FCAC06}">
      <dsp:nvSpPr>
        <dsp:cNvPr id="0" name=""/>
        <dsp:cNvSpPr/>
      </dsp:nvSpPr>
      <dsp:spPr>
        <a:xfrm>
          <a:off x="6563084" y="835188"/>
          <a:ext cx="1075482" cy="1075482"/>
        </a:xfrm>
        <a:prstGeom prst="ellipse">
          <a:avLst/>
        </a:prstGeom>
        <a:solidFill>
          <a:schemeClr val="accent5">
            <a:lumMod val="40000"/>
            <a:lumOff val="60000"/>
            <a:alpha val="3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20C6F1C-67EB-49A3-8A6A-77FE6F4E2581}">
      <dsp:nvSpPr>
        <dsp:cNvPr id="0" name=""/>
        <dsp:cNvSpPr/>
      </dsp:nvSpPr>
      <dsp:spPr>
        <a:xfrm>
          <a:off x="6792285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A5C5D9-1529-4C00-8952-5702A3EBEB99}">
      <dsp:nvSpPr>
        <dsp:cNvPr id="0" name=""/>
        <dsp:cNvSpPr/>
      </dsp:nvSpPr>
      <dsp:spPr>
        <a:xfrm>
          <a:off x="6219283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Station dynamics</a:t>
          </a:r>
        </a:p>
      </dsp:txBody>
      <dsp:txXfrm>
        <a:off x="6219283" y="2245657"/>
        <a:ext cx="1763085" cy="705234"/>
      </dsp:txXfrm>
    </dsp:sp>
    <dsp:sp modelId="{CB636E1E-A841-49EB-A5DF-AEA92F5B90A0}">
      <dsp:nvSpPr>
        <dsp:cNvPr id="0" name=""/>
        <dsp:cNvSpPr/>
      </dsp:nvSpPr>
      <dsp:spPr>
        <a:xfrm>
          <a:off x="8634710" y="835188"/>
          <a:ext cx="1075482" cy="1075482"/>
        </a:xfrm>
        <a:prstGeom prst="ellipse">
          <a:avLst/>
        </a:prstGeom>
        <a:solidFill>
          <a:schemeClr val="accent6">
            <a:hueOff val="0"/>
            <a:satOff val="0"/>
            <a:lum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D6C5FB-B8FF-4B57-B22D-AEAC08728B7D}">
      <dsp:nvSpPr>
        <dsp:cNvPr id="0" name=""/>
        <dsp:cNvSpPr/>
      </dsp:nvSpPr>
      <dsp:spPr>
        <a:xfrm>
          <a:off x="8863911" y="1064389"/>
          <a:ext cx="617080" cy="617080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>
            <a:fillRect/>
          </a:stretch>
        </a:blipFill>
        <a:ln w="15875" cap="flat" cmpd="sng" algn="ctr">
          <a:solidFill>
            <a:schemeClr val="lt1">
              <a:alpha val="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E2D07B9-A1AB-4FA9-8A07-1D52AC3E3ADB}">
      <dsp:nvSpPr>
        <dsp:cNvPr id="0" name=""/>
        <dsp:cNvSpPr/>
      </dsp:nvSpPr>
      <dsp:spPr>
        <a:xfrm>
          <a:off x="8290908" y="2245657"/>
          <a:ext cx="1763085" cy="70523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en-US" sz="2200" kern="1200" dirty="0"/>
            <a:t>Machine learning</a:t>
          </a:r>
        </a:p>
      </dsp:txBody>
      <dsp:txXfrm>
        <a:off x="8290908" y="2245657"/>
        <a:ext cx="1763085" cy="705234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5177E-E080-4587-9A01-77F29FFC79C4}">
      <dsp:nvSpPr>
        <dsp:cNvPr id="0" name=""/>
        <dsp:cNvSpPr/>
      </dsp:nvSpPr>
      <dsp:spPr>
        <a:xfrm>
          <a:off x="2633662" y="1108518"/>
          <a:ext cx="161694" cy="70837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08375"/>
              </a:lnTo>
              <a:lnTo>
                <a:pt x="161694" y="708375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238EFBE-F310-4831-91DE-F3EA455A98E2}">
      <dsp:nvSpPr>
        <dsp:cNvPr id="0" name=""/>
        <dsp:cNvSpPr/>
      </dsp:nvSpPr>
      <dsp:spPr>
        <a:xfrm>
          <a:off x="2471968" y="1108518"/>
          <a:ext cx="161694" cy="708375"/>
        </a:xfrm>
        <a:custGeom>
          <a:avLst/>
          <a:gdLst/>
          <a:ahLst/>
          <a:cxnLst/>
          <a:rect l="0" t="0" r="0" b="0"/>
          <a:pathLst>
            <a:path>
              <a:moveTo>
                <a:pt x="161694" y="0"/>
              </a:moveTo>
              <a:lnTo>
                <a:pt x="161694" y="708375"/>
              </a:lnTo>
              <a:lnTo>
                <a:pt x="0" y="708375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9F720F9-53D6-4BB7-8D14-D9C17E82D2BB}">
      <dsp:nvSpPr>
        <dsp:cNvPr id="0" name=""/>
        <dsp:cNvSpPr/>
      </dsp:nvSpPr>
      <dsp:spPr>
        <a:xfrm>
          <a:off x="2633662" y="1108518"/>
          <a:ext cx="1863335" cy="154887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387183"/>
              </a:lnTo>
              <a:lnTo>
                <a:pt x="1863335" y="1387183"/>
              </a:lnTo>
              <a:lnTo>
                <a:pt x="1863335" y="1548878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E0B87BC-0310-4F3B-9C1F-D51AE156B41D}">
      <dsp:nvSpPr>
        <dsp:cNvPr id="0" name=""/>
        <dsp:cNvSpPr/>
      </dsp:nvSpPr>
      <dsp:spPr>
        <a:xfrm>
          <a:off x="2587942" y="1108518"/>
          <a:ext cx="91440" cy="154877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548770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A60A736-A1CF-49D7-9E0E-8C658716CBCC}">
      <dsp:nvSpPr>
        <dsp:cNvPr id="0" name=""/>
        <dsp:cNvSpPr/>
      </dsp:nvSpPr>
      <dsp:spPr>
        <a:xfrm>
          <a:off x="770326" y="1108518"/>
          <a:ext cx="1863335" cy="1548878"/>
        </a:xfrm>
        <a:custGeom>
          <a:avLst/>
          <a:gdLst/>
          <a:ahLst/>
          <a:cxnLst/>
          <a:rect l="0" t="0" r="0" b="0"/>
          <a:pathLst>
            <a:path>
              <a:moveTo>
                <a:pt x="1863335" y="0"/>
              </a:moveTo>
              <a:lnTo>
                <a:pt x="1863335" y="1387183"/>
              </a:lnTo>
              <a:lnTo>
                <a:pt x="0" y="1387183"/>
              </a:lnTo>
              <a:lnTo>
                <a:pt x="0" y="1548878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F339D75-94AA-45B1-854C-53CC81103764}">
      <dsp:nvSpPr>
        <dsp:cNvPr id="0" name=""/>
        <dsp:cNvSpPr/>
      </dsp:nvSpPr>
      <dsp:spPr>
        <a:xfrm>
          <a:off x="1731646" y="454788"/>
          <a:ext cx="1804032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Advertisement</a:t>
          </a:r>
        </a:p>
      </dsp:txBody>
      <dsp:txXfrm>
        <a:off x="1731646" y="454788"/>
        <a:ext cx="1804032" cy="653730"/>
      </dsp:txXfrm>
    </dsp:sp>
    <dsp:sp modelId="{C8E74524-3A77-4264-85A5-CB94B672A056}">
      <dsp:nvSpPr>
        <dsp:cNvPr id="0" name=""/>
        <dsp:cNvSpPr/>
      </dsp:nvSpPr>
      <dsp:spPr>
        <a:xfrm>
          <a:off x="353" y="2657396"/>
          <a:ext cx="1539946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Time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 Saving</a:t>
          </a:r>
        </a:p>
      </dsp:txBody>
      <dsp:txXfrm>
        <a:off x="353" y="2657396"/>
        <a:ext cx="1539946" cy="653730"/>
      </dsp:txXfrm>
    </dsp:sp>
    <dsp:sp modelId="{4E1200AB-10D3-4189-97D0-894FC3BA03FA}">
      <dsp:nvSpPr>
        <dsp:cNvPr id="0" name=""/>
        <dsp:cNvSpPr/>
      </dsp:nvSpPr>
      <dsp:spPr>
        <a:xfrm>
          <a:off x="1863689" y="2657289"/>
          <a:ext cx="1539946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Money 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Saving</a:t>
          </a:r>
        </a:p>
      </dsp:txBody>
      <dsp:txXfrm>
        <a:off x="1863689" y="2657289"/>
        <a:ext cx="1539946" cy="653730"/>
      </dsp:txXfrm>
    </dsp:sp>
    <dsp:sp modelId="{EA129547-0DBF-4027-AD9E-7897C4A3C07E}">
      <dsp:nvSpPr>
        <dsp:cNvPr id="0" name=""/>
        <dsp:cNvSpPr/>
      </dsp:nvSpPr>
      <dsp:spPr>
        <a:xfrm>
          <a:off x="3727024" y="2657396"/>
          <a:ext cx="1539946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Environment 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&amp; Health</a:t>
          </a:r>
        </a:p>
      </dsp:txBody>
      <dsp:txXfrm>
        <a:off x="3727024" y="2657396"/>
        <a:ext cx="1539946" cy="653730"/>
      </dsp:txXfrm>
    </dsp:sp>
    <dsp:sp modelId="{CC066B83-14FA-40C4-B641-2D0B6F6C7533}">
      <dsp:nvSpPr>
        <dsp:cNvPr id="0" name=""/>
        <dsp:cNvSpPr/>
      </dsp:nvSpPr>
      <dsp:spPr>
        <a:xfrm>
          <a:off x="932021" y="1490028"/>
          <a:ext cx="1539946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Public</a:t>
          </a:r>
        </a:p>
      </dsp:txBody>
      <dsp:txXfrm>
        <a:off x="932021" y="1490028"/>
        <a:ext cx="1539946" cy="653730"/>
      </dsp:txXfrm>
    </dsp:sp>
    <dsp:sp modelId="{6378705D-A566-41B8-96F1-4F3D7FED0F3C}">
      <dsp:nvSpPr>
        <dsp:cNvPr id="0" name=""/>
        <dsp:cNvSpPr/>
      </dsp:nvSpPr>
      <dsp:spPr>
        <a:xfrm>
          <a:off x="2795356" y="1490028"/>
          <a:ext cx="1539946" cy="65373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Corporate</a:t>
          </a:r>
        </a:p>
      </dsp:txBody>
      <dsp:txXfrm>
        <a:off x="2795356" y="1490028"/>
        <a:ext cx="1539946" cy="653730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221D7C2-E062-4E72-81E5-7896BF45BEEC}">
      <dsp:nvSpPr>
        <dsp:cNvPr id="0" name=""/>
        <dsp:cNvSpPr/>
      </dsp:nvSpPr>
      <dsp:spPr>
        <a:xfrm>
          <a:off x="2439986" y="958127"/>
          <a:ext cx="1726308" cy="144534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295544"/>
              </a:lnTo>
              <a:lnTo>
                <a:pt x="1726308" y="1295544"/>
              </a:lnTo>
              <a:lnTo>
                <a:pt x="1726308" y="1445348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A5B88B-EA3D-406C-A5F6-6019FFD5AE66}">
      <dsp:nvSpPr>
        <dsp:cNvPr id="0" name=""/>
        <dsp:cNvSpPr/>
      </dsp:nvSpPr>
      <dsp:spPr>
        <a:xfrm>
          <a:off x="2394266" y="958127"/>
          <a:ext cx="91440" cy="144534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445348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F14E011-49D2-4053-A01E-C70DBA0E75FE}">
      <dsp:nvSpPr>
        <dsp:cNvPr id="0" name=""/>
        <dsp:cNvSpPr/>
      </dsp:nvSpPr>
      <dsp:spPr>
        <a:xfrm>
          <a:off x="713678" y="958127"/>
          <a:ext cx="1726308" cy="1445348"/>
        </a:xfrm>
        <a:custGeom>
          <a:avLst/>
          <a:gdLst/>
          <a:ahLst/>
          <a:cxnLst/>
          <a:rect l="0" t="0" r="0" b="0"/>
          <a:pathLst>
            <a:path>
              <a:moveTo>
                <a:pt x="1726308" y="0"/>
              </a:moveTo>
              <a:lnTo>
                <a:pt x="1726308" y="1295544"/>
              </a:lnTo>
              <a:lnTo>
                <a:pt x="0" y="1295544"/>
              </a:lnTo>
              <a:lnTo>
                <a:pt x="0" y="1445348"/>
              </a:lnTo>
            </a:path>
          </a:pathLst>
        </a:custGeom>
        <a:noFill/>
        <a:ln w="1587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520A777-9527-464B-B025-53B49A3826AB}">
      <dsp:nvSpPr>
        <dsp:cNvPr id="0" name=""/>
        <dsp:cNvSpPr/>
      </dsp:nvSpPr>
      <dsp:spPr>
        <a:xfrm>
          <a:off x="1726635" y="244777"/>
          <a:ext cx="1426701" cy="71335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Pricing</a:t>
          </a:r>
        </a:p>
      </dsp:txBody>
      <dsp:txXfrm>
        <a:off x="1726635" y="244777"/>
        <a:ext cx="1426701" cy="713350"/>
      </dsp:txXfrm>
    </dsp:sp>
    <dsp:sp modelId="{5D76B5B2-3141-4157-A710-49479285BB5E}">
      <dsp:nvSpPr>
        <dsp:cNvPr id="0" name=""/>
        <dsp:cNvSpPr/>
      </dsp:nvSpPr>
      <dsp:spPr>
        <a:xfrm>
          <a:off x="327" y="2403475"/>
          <a:ext cx="1426701" cy="71335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New Customers</a:t>
          </a:r>
        </a:p>
      </dsp:txBody>
      <dsp:txXfrm>
        <a:off x="327" y="2403475"/>
        <a:ext cx="1426701" cy="713350"/>
      </dsp:txXfrm>
    </dsp:sp>
    <dsp:sp modelId="{7C57D538-51AD-4670-8F1C-859B6DD042CE}">
      <dsp:nvSpPr>
        <dsp:cNvPr id="0" name=""/>
        <dsp:cNvSpPr/>
      </dsp:nvSpPr>
      <dsp:spPr>
        <a:xfrm>
          <a:off x="1726635" y="2403475"/>
          <a:ext cx="1426701" cy="71335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Loyal Customers</a:t>
          </a:r>
        </a:p>
      </dsp:txBody>
      <dsp:txXfrm>
        <a:off x="1726635" y="2403475"/>
        <a:ext cx="1426701" cy="713350"/>
      </dsp:txXfrm>
    </dsp:sp>
    <dsp:sp modelId="{7745E4DD-6320-47E5-B02F-4A678554D5C7}">
      <dsp:nvSpPr>
        <dsp:cNvPr id="0" name=""/>
        <dsp:cNvSpPr/>
      </dsp:nvSpPr>
      <dsp:spPr>
        <a:xfrm>
          <a:off x="3452944" y="2403475"/>
          <a:ext cx="1426701" cy="713350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Demand</a:t>
          </a:r>
        </a:p>
      </dsp:txBody>
      <dsp:txXfrm>
        <a:off x="3452944" y="2403475"/>
        <a:ext cx="1426701" cy="71335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623AA0E9-8CD0-4A6E-A65E-A06028B83FE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5E2408B-C9AB-4665-AC99-B057BD0A43D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748E1AF-6343-46AA-8AEF-4C12F4118850}" type="datetimeFigureOut">
              <a:rPr lang="en-US" smtClean="0"/>
              <a:t>3/26/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CD1B215-531B-4869-BD98-BD3B1390B1C5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0B53F21-4D67-455D-8074-E9E6EC26FAC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52858E0-3D38-47B7-97D4-4FE08D90D35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14433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9D2517-63AA-420A-887D-BE60360A8F4D}" type="datetimeFigureOut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84ECAD9-32EE-4091-BDA5-6BD15ACC5E58}" type="slidenum">
              <a:rPr lang="en-US" noProof="0" smtClean="0"/>
              <a:t>‹#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066189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help.citibikenyc.com/hc/en-us/articles/360032429891-What-rewards-can-Bike-Angels-earn-" TargetMode="External"/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1598119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3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27217171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4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08360121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017 Q3 &amp; Q4, 2019 Q4 expanded progressively </a:t>
            </a:r>
          </a:p>
          <a:p>
            <a:r>
              <a:rPr lang="en-US" dirty="0"/>
              <a:t>2018 Citi Bike only added a few stations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5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5752794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7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9699000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8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68745936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imple Linear slope: 760. R2:0.4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9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86488576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0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01937108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1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49685457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2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06070829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5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561539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25642191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7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6648829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vg Hourly Ridership: </a:t>
            </a:r>
            <a:r>
              <a:rPr lang="en-US" dirty="0" err="1"/>
              <a:t>Checkin</a:t>
            </a:r>
            <a:r>
              <a:rPr lang="en-US" dirty="0"/>
              <a:t> and Checkout both included</a:t>
            </a:r>
          </a:p>
          <a:p>
            <a:r>
              <a:rPr lang="en-US" dirty="0"/>
              <a:t>Percent Usage: </a:t>
            </a:r>
            <a:r>
              <a:rPr lang="en-US" dirty="0" err="1"/>
              <a:t>Checkin+Checkout</a:t>
            </a:r>
            <a:r>
              <a:rPr lang="en-US" dirty="0"/>
              <a:t>/total capacity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28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02294384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0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6314397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ppendix: </a:t>
            </a:r>
            <a:r>
              <a:rPr lang="en-US" altLang="zh-CN" dirty="0"/>
              <a:t>2</a:t>
            </a:r>
            <a:r>
              <a:rPr lang="en-US" altLang="zh-CN" baseline="30000" dirty="0"/>
              <a:t>nd</a:t>
            </a:r>
            <a:r>
              <a:rPr lang="en-US" altLang="zh-CN" dirty="0"/>
              <a:t> Round EDA (Total Docks)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2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4426963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eather conditions do have some impact on bike ridership, as we have seen from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3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6027165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ive some scenario and recommend how should Citi Bike respond ?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5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4072123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Rebalance: provide incentives (angle pts) to its users to check-out bikes from nearby dock stations that have plentiful of bikes. </a:t>
            </a:r>
          </a:p>
          <a:p>
            <a:r>
              <a:rPr lang="en-US" dirty="0"/>
              <a:t>Similarly, provide incentives to its users to return a bike to a station that has shortage in bike. 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6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80198425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hlinkClick r:id="rId3"/>
              </a:rPr>
              <a:t>https://help.citibikenyc.com/hc/en-us/articles/360032429891-What-rewards-can-Bike-Angels-earn-</a:t>
            </a:r>
            <a:endParaRPr lang="en-US" dirty="0"/>
          </a:p>
          <a:p>
            <a:pPr marL="171450" indent="-171450">
              <a:buFontTx/>
              <a:buChar char="-"/>
            </a:pPr>
            <a:r>
              <a:rPr lang="en-US" dirty="0"/>
              <a:t>Current promotions are only applicable to certain groups of people e.g. people belong to certain organizations, Citi bank card holders </a:t>
            </a:r>
          </a:p>
          <a:p>
            <a:pPr marL="171450" indent="-171450">
              <a:buFontTx/>
              <a:buChar char="-"/>
            </a:pPr>
            <a:r>
              <a:rPr lang="en-US" dirty="0"/>
              <a:t>Angle points to reward customers </a:t>
            </a:r>
          </a:p>
          <a:p>
            <a:pPr marL="0" indent="0">
              <a:buFontTx/>
              <a:buNone/>
            </a:pPr>
            <a:r>
              <a:rPr lang="en-US" dirty="0"/>
              <a:t>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7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3328687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 Double the current Citi Bike service area by 35 miles and triple the number of bikes to 40,000 by 2023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8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72519923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As of Feb 2020: Active annual member is 150,332 (65%), single trip: 56,992(26%); single-day/3-day 11,291/830 (9%). </a:t>
            </a:r>
          </a:p>
          <a:p>
            <a:r>
              <a:rPr lang="en-US" dirty="0"/>
              <a:t>In Summer July 2018: 153,000(39%), 180,000(45%), 59,000(15%), 5000(1%)</a:t>
            </a:r>
          </a:p>
          <a:p>
            <a:endParaRPr lang="en-US" dirty="0"/>
          </a:p>
          <a:p>
            <a:r>
              <a:rPr lang="en-US" dirty="0"/>
              <a:t>Note: Annual membership stays constant regardless of month, Single ride and day passes jump up in warmer month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40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34101856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3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3334475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41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131710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4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45533387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May 2013: 332 stations</a:t>
            </a:r>
          </a:p>
          <a:p>
            <a:r>
              <a:rPr lang="en-US" altLang="zh-CN" dirty="0"/>
              <a:t>As of Feb 2020: total active bike stations is 885. active annual member is 150,332, single trip: 56,992, single-day 11,291; 3-day: 830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5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522851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7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0954380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0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9277932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1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44564306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57 </a:t>
            </a:r>
            <a:r>
              <a:rPr lang="en-US" altLang="zh-CN" dirty="0"/>
              <a:t>features include custom features such as hourly checkout/</a:t>
            </a:r>
            <a:r>
              <a:rPr lang="en-US" altLang="zh-CN" dirty="0" err="1"/>
              <a:t>checkin</a:t>
            </a:r>
            <a:r>
              <a:rPr lang="en-US" altLang="zh-CN" dirty="0"/>
              <a:t> counts for each station, binary feature e.g. whether it is during rush hour commut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4ECAD9-32EE-4091-BDA5-6BD15ACC5E58}" type="slidenum">
              <a:rPr lang="en-US" noProof="0" smtClean="0"/>
              <a:t>12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582665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D1D313A2-A4D4-40DF-A0C2-C29F6416852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25CCF1-92C0-4AF3-BFAF-4921631915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CEFB0D-6DB6-450D-981E-DB5B064ABC8F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A78A9-3DFF-4937-A9F2-5D8CF495F3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Footer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AEB271-5CC0-4759-BC6E-8BE53AB227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noProof="0" smtClean="0"/>
              <a:t>‹#›</a:t>
            </a:fld>
            <a:endParaRPr lang="en-US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12850" y="4508500"/>
            <a:ext cx="5118100" cy="1279652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noProof="0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12850" y="2057400"/>
            <a:ext cx="5118100" cy="1929066"/>
          </a:xfrm>
        </p:spPr>
        <p:txBody>
          <a:bodyPr anchor="b">
            <a:noAutofit/>
          </a:bodyPr>
          <a:lstStyle>
            <a:lvl1pPr algn="l">
              <a:lnSpc>
                <a:spcPct val="90000"/>
              </a:lnSpc>
              <a:defRPr sz="5400" b="1" spc="-5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67270058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6D90D66-BCB9-4229-A829-628874352AC0}"/>
              </a:ext>
            </a:extLst>
          </p:cNvPr>
          <p:cNvSpPr/>
          <p:nvPr/>
        </p:nvSpPr>
        <p:spPr>
          <a:xfrm>
            <a:off x="16" y="0"/>
            <a:ext cx="4654296" cy="586422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2200" y="786383"/>
            <a:ext cx="3068833" cy="2093975"/>
          </a:xfrm>
        </p:spPr>
        <p:txBody>
          <a:bodyPr anchor="b">
            <a:normAutofit/>
          </a:bodyPr>
          <a:lstStyle>
            <a:lvl1pPr>
              <a:lnSpc>
                <a:spcPct val="90000"/>
              </a:lnSpc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58984" y="812800"/>
            <a:ext cx="5713841" cy="4868609"/>
          </a:xfrm>
        </p:spPr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2200" y="3043050"/>
            <a:ext cx="3068832" cy="2638359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8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DC51BA7-A5A7-4A7F-A707-DBBDEA7705F3}"/>
              </a:ext>
            </a:extLst>
          </p:cNvPr>
          <p:cNvSpPr/>
          <p:nvPr userDrawn="1"/>
        </p:nvSpPr>
        <p:spPr>
          <a:xfrm>
            <a:off x="0" y="1397000"/>
            <a:ext cx="1036320" cy="132948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23174BA-29D0-4C1A-95C9-5A86FD25E47A}"/>
              </a:ext>
            </a:extLst>
          </p:cNvPr>
          <p:cNvSpPr/>
          <p:nvPr userDrawn="1"/>
        </p:nvSpPr>
        <p:spPr>
          <a:xfrm>
            <a:off x="5458983" y="624142"/>
            <a:ext cx="5713840" cy="12566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B9C849-F1D8-4230-9F2F-9250D675BB2A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cxnSp>
        <p:nvCxnSpPr>
          <p:cNvPr id="15" name="Connecteur droit 19">
            <a:extLst>
              <a:ext uri="{FF2B5EF4-FFF2-40B4-BE49-F238E27FC236}">
                <a16:creationId xmlns:a16="http://schemas.microsoft.com/office/drawing/2014/main" id="{D84C14C5-D99C-45CD-8001-AC745F4FB49B}"/>
              </a:ext>
            </a:extLst>
          </p:cNvPr>
          <p:cNvCxnSpPr>
            <a:cxnSpLocks/>
          </p:cNvCxnSpPr>
          <p:nvPr userDrawn="1"/>
        </p:nvCxnSpPr>
        <p:spPr>
          <a:xfrm flipH="1">
            <a:off x="1092200" y="6446838"/>
            <a:ext cx="1643438" cy="0"/>
          </a:xfrm>
          <a:prstGeom prst="line">
            <a:avLst/>
          </a:prstGeom>
          <a:ln w="285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Connecteur droit 19">
            <a:extLst>
              <a:ext uri="{FF2B5EF4-FFF2-40B4-BE49-F238E27FC236}">
                <a16:creationId xmlns:a16="http://schemas.microsoft.com/office/drawing/2014/main" id="{019842DD-D0AB-4E35-9AB2-7DBB6E266120}"/>
              </a:ext>
            </a:extLst>
          </p:cNvPr>
          <p:cNvCxnSpPr>
            <a:cxnSpLocks/>
          </p:cNvCxnSpPr>
          <p:nvPr userDrawn="1"/>
        </p:nvCxnSpPr>
        <p:spPr>
          <a:xfrm flipH="1">
            <a:off x="8420100" y="6429376"/>
            <a:ext cx="1000462" cy="0"/>
          </a:xfrm>
          <a:prstGeom prst="line">
            <a:avLst/>
          </a:prstGeom>
          <a:ln w="28575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19">
            <a:extLst>
              <a:ext uri="{FF2B5EF4-FFF2-40B4-BE49-F238E27FC236}">
                <a16:creationId xmlns:a16="http://schemas.microsoft.com/office/drawing/2014/main" id="{832851A7-B301-4616-9843-9A0D06646DFD}"/>
              </a:ext>
            </a:extLst>
          </p:cNvPr>
          <p:cNvCxnSpPr>
            <a:cxnSpLocks/>
          </p:cNvCxnSpPr>
          <p:nvPr userDrawn="1"/>
        </p:nvCxnSpPr>
        <p:spPr>
          <a:xfrm flipH="1" flipV="1">
            <a:off x="10765675" y="6446838"/>
            <a:ext cx="407258" cy="6350"/>
          </a:xfrm>
          <a:prstGeom prst="line">
            <a:avLst/>
          </a:prstGeom>
          <a:ln w="28575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892083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54D8B55-9EA8-4B81-8E84-9B93B0A27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DB7022-84E8-42F0-8AEA-ADED76AFD446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62CA021-2578-47CB-822C-BDDFF7223B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4AAB51D-4141-4682-9375-DAFD5FB9DD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50827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6D90D66-BCB9-4229-A829-628874352AC0}"/>
              </a:ext>
            </a:extLst>
          </p:cNvPr>
          <p:cNvSpPr/>
          <p:nvPr/>
        </p:nvSpPr>
        <p:spPr>
          <a:xfrm>
            <a:off x="16" y="0"/>
            <a:ext cx="4654296" cy="586422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58984" y="497808"/>
            <a:ext cx="5713841" cy="4868609"/>
          </a:xfrm>
        </p:spPr>
        <p:txBody>
          <a:bodyPr anchor="ctr"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DC51BA7-A5A7-4A7F-A707-DBBDEA7705F3}"/>
              </a:ext>
            </a:extLst>
          </p:cNvPr>
          <p:cNvSpPr/>
          <p:nvPr userDrawn="1"/>
        </p:nvSpPr>
        <p:spPr>
          <a:xfrm>
            <a:off x="0" y="2003424"/>
            <a:ext cx="1036320" cy="185737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23174BA-29D0-4C1A-95C9-5A86FD25E47A}"/>
              </a:ext>
            </a:extLst>
          </p:cNvPr>
          <p:cNvSpPr/>
          <p:nvPr userDrawn="1"/>
        </p:nvSpPr>
        <p:spPr>
          <a:xfrm>
            <a:off x="5458983" y="377398"/>
            <a:ext cx="5713840" cy="12566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8D4C0741-442A-4788-81DA-4F081D559C5A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BC7DA98-7B92-4F45-80F8-1AEF72A601CF}"/>
              </a:ext>
            </a:extLst>
          </p:cNvPr>
          <p:cNvSpPr/>
          <p:nvPr userDrawn="1"/>
        </p:nvSpPr>
        <p:spPr>
          <a:xfrm>
            <a:off x="1078230" y="2003423"/>
            <a:ext cx="3576082" cy="1857378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2200" y="1885125"/>
            <a:ext cx="3314700" cy="2093975"/>
          </a:xfrm>
        </p:spPr>
        <p:txBody>
          <a:bodyPr anchor="ctr">
            <a:normAutofit/>
          </a:bodyPr>
          <a:lstStyle>
            <a:lvl1pPr>
              <a:lnSpc>
                <a:spcPct val="90000"/>
              </a:lnSpc>
              <a:defRPr sz="4400" b="1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F96815B-4256-4CE0-9FCF-3A2967CF5792}"/>
              </a:ext>
            </a:extLst>
          </p:cNvPr>
          <p:cNvSpPr/>
          <p:nvPr userDrawn="1"/>
        </p:nvSpPr>
        <p:spPr>
          <a:xfrm>
            <a:off x="1092200" y="993775"/>
            <a:ext cx="1036320" cy="936626"/>
          </a:xfrm>
          <a:prstGeom prst="rect">
            <a:avLst/>
          </a:prstGeom>
          <a:solidFill>
            <a:schemeClr val="tx2">
              <a:lumMod val="20000"/>
              <a:lumOff val="80000"/>
              <a:alpha val="2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812829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9">
            <a:extLst>
              <a:ext uri="{FF2B5EF4-FFF2-40B4-BE49-F238E27FC236}">
                <a16:creationId xmlns:a16="http://schemas.microsoft.com/office/drawing/2014/main" id="{4F173117-1383-4956-B947-1EA7A51D0D4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654296" cy="5864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58984" y="497808"/>
            <a:ext cx="5713841" cy="4868609"/>
          </a:xfrm>
        </p:spPr>
        <p:txBody>
          <a:bodyPr anchor="ctr"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470BDB9F-6784-464D-8ED7-29E60E2B21A9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2200" y="1885125"/>
            <a:ext cx="3068833" cy="2093975"/>
          </a:xfrm>
        </p:spPr>
        <p:txBody>
          <a:bodyPr anchor="ctr">
            <a:normAutofit/>
          </a:bodyPr>
          <a:lstStyle>
            <a:lvl1pPr>
              <a:lnSpc>
                <a:spcPct val="90000"/>
              </a:lnSpc>
              <a:defRPr sz="4400" b="1" i="0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5430553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84722" y="548355"/>
            <a:ext cx="6054846" cy="634336"/>
          </a:xfrm>
        </p:spPr>
        <p:txBody>
          <a:bodyPr anchor="ctr">
            <a:noAutofit/>
          </a:bodyPr>
          <a:lstStyle>
            <a:lvl1pPr>
              <a:lnSpc>
                <a:spcPct val="90000"/>
              </a:lnSpc>
              <a:defRPr sz="3600" b="1" i="0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00833" y="1611313"/>
            <a:ext cx="6072099" cy="3755104"/>
          </a:xfrm>
        </p:spPr>
        <p:txBody>
          <a:bodyPr anchor="t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6DA3ABBD-A00D-4624-9D57-736F5DDBFABC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18" name="Picture Placeholder 9">
            <a:extLst>
              <a:ext uri="{FF2B5EF4-FFF2-40B4-BE49-F238E27FC236}">
                <a16:creationId xmlns:a16="http://schemas.microsoft.com/office/drawing/2014/main" id="{4F173117-1383-4956-B947-1EA7A51D0D4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654296" cy="58642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510465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7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9">
            <a:extLst>
              <a:ext uri="{FF2B5EF4-FFF2-40B4-BE49-F238E27FC236}">
                <a16:creationId xmlns:a16="http://schemas.microsoft.com/office/drawing/2014/main" id="{4F173117-1383-4956-B947-1EA7A51D0D4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541486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68577" y="880375"/>
            <a:ext cx="6054846" cy="634336"/>
          </a:xfrm>
        </p:spPr>
        <p:txBody>
          <a:bodyPr anchor="ctr">
            <a:noAutofit/>
          </a:bodyPr>
          <a:lstStyle>
            <a:lvl1pPr algn="ctr">
              <a:lnSpc>
                <a:spcPct val="90000"/>
              </a:lnSpc>
              <a:defRPr sz="3600" b="1" i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E6BF20AA-C418-460A-B9CF-8F3DD94C436D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F446475-024F-4C71-99D3-501468ACAD11}"/>
              </a:ext>
            </a:extLst>
          </p:cNvPr>
          <p:cNvSpPr/>
          <p:nvPr userDrawn="1"/>
        </p:nvSpPr>
        <p:spPr>
          <a:xfrm>
            <a:off x="5577840" y="0"/>
            <a:ext cx="1036320" cy="6858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676028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48F6D61-9E88-4632-A0A8-CB2E0CC5DEAF}"/>
              </a:ext>
            </a:extLst>
          </p:cNvPr>
          <p:cNvSpPr/>
          <p:nvPr userDrawn="1"/>
        </p:nvSpPr>
        <p:spPr>
          <a:xfrm>
            <a:off x="4654312" y="507333"/>
            <a:ext cx="7537688" cy="484955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6D90D66-BCB9-4229-A829-628874352AC0}"/>
              </a:ext>
            </a:extLst>
          </p:cNvPr>
          <p:cNvSpPr/>
          <p:nvPr/>
        </p:nvSpPr>
        <p:spPr>
          <a:xfrm>
            <a:off x="16" y="0"/>
            <a:ext cx="4654296" cy="586422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2200" y="1885125"/>
            <a:ext cx="3068833" cy="2093975"/>
          </a:xfrm>
        </p:spPr>
        <p:txBody>
          <a:bodyPr anchor="ctr">
            <a:normAutofit/>
          </a:bodyPr>
          <a:lstStyle>
            <a:lvl1pPr>
              <a:lnSpc>
                <a:spcPct val="90000"/>
              </a:lnSpc>
              <a:defRPr sz="4400" b="1" i="0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73373" y="943430"/>
            <a:ext cx="4699452" cy="3977366"/>
          </a:xfrm>
        </p:spPr>
        <p:txBody>
          <a:bodyPr anchor="ctr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063F5CE0-F8B8-4EAA-822E-6451047E7D5F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F73BF96-A07C-4AAA-A37F-65151BD22A70}"/>
              </a:ext>
            </a:extLst>
          </p:cNvPr>
          <p:cNvSpPr/>
          <p:nvPr userDrawn="1"/>
        </p:nvSpPr>
        <p:spPr>
          <a:xfrm>
            <a:off x="4370251" y="2322780"/>
            <a:ext cx="1348378" cy="121866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01277159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arallélogramme 14">
            <a:extLst>
              <a:ext uri="{FF2B5EF4-FFF2-40B4-BE49-F238E27FC236}">
                <a16:creationId xmlns:a16="http://schemas.microsoft.com/office/drawing/2014/main" id="{BA60C70F-7EE5-4927-B922-88B1C47FADB9}"/>
              </a:ext>
            </a:extLst>
          </p:cNvPr>
          <p:cNvSpPr/>
          <p:nvPr userDrawn="1"/>
        </p:nvSpPr>
        <p:spPr>
          <a:xfrm>
            <a:off x="74485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48F6D61-9E88-4632-A0A8-CB2E0CC5DEAF}"/>
              </a:ext>
            </a:extLst>
          </p:cNvPr>
          <p:cNvSpPr/>
          <p:nvPr userDrawn="1"/>
        </p:nvSpPr>
        <p:spPr>
          <a:xfrm>
            <a:off x="4654312" y="507333"/>
            <a:ext cx="7537688" cy="484955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6D90D66-BCB9-4229-A829-628874352AC0}"/>
              </a:ext>
            </a:extLst>
          </p:cNvPr>
          <p:cNvSpPr/>
          <p:nvPr userDrawn="1"/>
        </p:nvSpPr>
        <p:spPr>
          <a:xfrm>
            <a:off x="16" y="0"/>
            <a:ext cx="4654296" cy="58642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2200" y="1885125"/>
            <a:ext cx="3068833" cy="2093975"/>
          </a:xfrm>
        </p:spPr>
        <p:txBody>
          <a:bodyPr anchor="ctr">
            <a:normAutofit/>
          </a:bodyPr>
          <a:lstStyle>
            <a:lvl1pPr>
              <a:lnSpc>
                <a:spcPct val="90000"/>
              </a:lnSpc>
              <a:defRPr sz="4400" b="1" i="0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518529" y="943430"/>
            <a:ext cx="4654296" cy="3977366"/>
          </a:xfrm>
        </p:spPr>
        <p:txBody>
          <a:bodyPr anchor="ctr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12" name="Date Placeholder 1">
            <a:extLst>
              <a:ext uri="{FF2B5EF4-FFF2-40B4-BE49-F238E27FC236}">
                <a16:creationId xmlns:a16="http://schemas.microsoft.com/office/drawing/2014/main" id="{F417C55D-4AE8-427B-A32E-9F54E007E6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834126" y="6446838"/>
            <a:ext cx="258485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21F8AE65-7CE3-49A8-B2CC-A5A64E5730FA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8C05871B-E916-40A4-B5E3-65C15F5A4D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4846321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45E789F-2E61-4EC0-8973-681625FE51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75670" y="6446838"/>
            <a:ext cx="780010" cy="365125"/>
          </a:xfrm>
        </p:spPr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6127F28F-6C7B-471B-9839-EF88426C1976}"/>
              </a:ext>
            </a:extLst>
          </p:cNvPr>
          <p:cNvSpPr/>
          <p:nvPr userDrawn="1"/>
        </p:nvSpPr>
        <p:spPr>
          <a:xfrm>
            <a:off x="4370251" y="2322780"/>
            <a:ext cx="1348378" cy="121866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49861624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DA134939-39C0-4522-A125-A13DFDA66490}"/>
              </a:ext>
            </a:extLst>
          </p:cNvPr>
          <p:cNvSpPr/>
          <p:nvPr/>
        </p:nvSpPr>
        <p:spPr>
          <a:xfrm>
            <a:off x="0" y="4578350"/>
            <a:ext cx="12188825" cy="227965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578350"/>
          </a:xfrm>
          <a:solidFill>
            <a:schemeClr val="bg1"/>
          </a:solidFill>
        </p:spPr>
        <p:txBody>
          <a:bodyPr lIns="457200" tIns="457200"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79" y="4799362"/>
            <a:ext cx="10113645" cy="743682"/>
          </a:xfrm>
        </p:spPr>
        <p:txBody>
          <a:bodyPr tIns="0" bIns="0" anchor="b">
            <a:noAutofit/>
          </a:bodyPr>
          <a:lstStyle>
            <a:lvl1pPr algn="ctr">
              <a:defRPr sz="4400" b="1">
                <a:solidFill>
                  <a:srgbClr val="FFFFFF"/>
                </a:solidFill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79" y="5715000"/>
            <a:ext cx="10113264" cy="60960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8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046700-360D-4474-9946-7580E8968658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97279" y="6446838"/>
            <a:ext cx="6818262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4A4DE4A-F8EF-47D5-8C37-A9021C2BB6A3}"/>
              </a:ext>
            </a:extLst>
          </p:cNvPr>
          <p:cNvSpPr/>
          <p:nvPr userDrawn="1"/>
        </p:nvSpPr>
        <p:spPr>
          <a:xfrm>
            <a:off x="3536950" y="4535901"/>
            <a:ext cx="5118100" cy="12566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9869563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D5506EE-1026-4F35-9ACC-BD05BE0F9B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F667F3-A942-43B7-9681-6435F4941075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7696E5F-8D95-4450-AE52-5438E6EDE2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99B2253-74CC-409E-BEB0-F8EFCFCB56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60409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arallélogramme 14">
            <a:extLst>
              <a:ext uri="{FF2B5EF4-FFF2-40B4-BE49-F238E27FC236}">
                <a16:creationId xmlns:a16="http://schemas.microsoft.com/office/drawing/2014/main" id="{F5AA8A10-E19C-430B-9D5D-8D12F92BFEC5}"/>
              </a:ext>
            </a:extLst>
          </p:cNvPr>
          <p:cNvSpPr/>
          <p:nvPr userDrawn="1"/>
        </p:nvSpPr>
        <p:spPr>
          <a:xfrm>
            <a:off x="7972121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7C93D4F-3003-4D58-9AFB-356A0F800F42}"/>
              </a:ext>
            </a:extLst>
          </p:cNvPr>
          <p:cNvSpPr/>
          <p:nvPr userDrawn="1"/>
        </p:nvSpPr>
        <p:spPr>
          <a:xfrm>
            <a:off x="6394450" y="0"/>
            <a:ext cx="153926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25CCF1-92C0-4AF3-BFAF-4921631915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6C8650-8C82-4FB0-9266-0148B376A8CE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A78A9-3DFF-4937-A9F2-5D8CF495F3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Footer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AEB271-5CC0-4759-BC6E-8BE53AB227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noProof="0" smtClean="0"/>
              <a:t>‹#›</a:t>
            </a:fld>
            <a:endParaRPr lang="en-US" noProof="0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86028FDE-6655-4B55-B3B4-5B366034E8A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311900" cy="6858000"/>
          </a:xfrm>
        </p:spPr>
        <p:txBody>
          <a:bodyPr/>
          <a:lstStyle/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629400" y="758952"/>
            <a:ext cx="4526280" cy="3227514"/>
          </a:xfrm>
        </p:spPr>
        <p:txBody>
          <a:bodyPr anchor="b">
            <a:normAutofit/>
          </a:bodyPr>
          <a:lstStyle>
            <a:lvl1pPr algn="l">
              <a:lnSpc>
                <a:spcPct val="90000"/>
              </a:lnSpc>
              <a:defRPr sz="6000" b="1" spc="-50" baseline="0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632171" y="4508500"/>
            <a:ext cx="4526280" cy="1279652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noProof="0"/>
              <a:t>Click to edit Master subtitle style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D3E1BBA-670B-4CAE-B839-50ADB23DDBC6}"/>
              </a:ext>
            </a:extLst>
          </p:cNvPr>
          <p:cNvSpPr/>
          <p:nvPr userDrawn="1"/>
        </p:nvSpPr>
        <p:spPr>
          <a:xfrm>
            <a:off x="6311900" y="0"/>
            <a:ext cx="153926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639385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1346200"/>
            <a:ext cx="2448033" cy="4530725"/>
          </a:xfrm>
        </p:spPr>
        <p:txBody>
          <a:bodyPr vert="eaVert"/>
          <a:lstStyle/>
          <a:p>
            <a:r>
              <a:rPr lang="en-US" noProof="0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92200" y="1346200"/>
            <a:ext cx="7480300" cy="4530723"/>
          </a:xfrm>
        </p:spPr>
        <p:txBody>
          <a:bodyPr vert="eaVert" lIns="45720" tIns="0" rIns="45720" bIns="0"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F33D6B0-F070-45C4-A472-19F432BE39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576BB9-001A-4B59-8C51-603E71AE3226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975399F-DAB2-410D-967F-ED17E6F796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 dirty="0"/>
              <a:t>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762A46F-6BE5-4D12-9412-5CA7672EA8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noProof="0" smtClean="0"/>
              <a:t>‹#›</a:t>
            </a:fld>
            <a:endParaRPr lang="en-US" noProof="0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B443CC6-CDCA-4595-ADAE-DCB961FF1A8E}"/>
              </a:ext>
            </a:extLst>
          </p:cNvPr>
          <p:cNvSpPr/>
          <p:nvPr userDrawn="1"/>
        </p:nvSpPr>
        <p:spPr>
          <a:xfrm rot="16200000">
            <a:off x="8871481" y="-146580"/>
            <a:ext cx="1036320" cy="132948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406879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54D8B55-9EA8-4B81-8E84-9B93B0A27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9DE01-3159-42E8-9946-B3F7564EBC72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62CA021-2578-47CB-822C-BDDFF7223B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4AAB51D-4141-4682-9375-DAFD5FB9DD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82784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arallélogramme 14">
            <a:extLst>
              <a:ext uri="{FF2B5EF4-FFF2-40B4-BE49-F238E27FC236}">
                <a16:creationId xmlns:a16="http://schemas.microsoft.com/office/drawing/2014/main" id="{98B82A56-7790-48EC-983D-AB8F703699B2}"/>
              </a:ext>
            </a:extLst>
          </p:cNvPr>
          <p:cNvSpPr/>
          <p:nvPr userDrawn="1"/>
        </p:nvSpPr>
        <p:spPr>
          <a:xfrm>
            <a:off x="7972121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AF2E137-EC28-48F8-9198-1F02539029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1A1FC6A6-F894-471F-8AA4-AE4112290279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9422CD-6F62-4DD6-89EF-07A60B42D2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C6AFF8-42B4-4D05-969B-9F5FB3355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E76B772A-7600-4ECE-B5A2-34827D4C710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311900" cy="6858000"/>
          </a:xfrm>
        </p:spPr>
        <p:txBody>
          <a:bodyPr/>
          <a:lstStyle/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3820398-8D1F-4543-ABA0-7A67C38769B3}"/>
              </a:ext>
            </a:extLst>
          </p:cNvPr>
          <p:cNvSpPr/>
          <p:nvPr userDrawn="1"/>
        </p:nvSpPr>
        <p:spPr>
          <a:xfrm>
            <a:off x="2451099" y="3568700"/>
            <a:ext cx="8721725" cy="230822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400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41599" y="3746500"/>
            <a:ext cx="8331202" cy="1308100"/>
          </a:xfrm>
        </p:spPr>
        <p:txBody>
          <a:bodyPr anchor="b" anchorCtr="0">
            <a:noAutofit/>
          </a:bodyPr>
          <a:lstStyle>
            <a:lvl1pPr>
              <a:lnSpc>
                <a:spcPct val="90000"/>
              </a:lnSpc>
              <a:defRPr sz="4800" b="1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641600" y="5219700"/>
            <a:ext cx="8331201" cy="58674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bg1"/>
                </a:solidFill>
                <a:latin typeface="+mn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5757C57-BBBA-44C6-9A4D-12F5D1E400AA}"/>
              </a:ext>
            </a:extLst>
          </p:cNvPr>
          <p:cNvSpPr/>
          <p:nvPr userDrawn="1"/>
        </p:nvSpPr>
        <p:spPr>
          <a:xfrm>
            <a:off x="3752850" y="3469101"/>
            <a:ext cx="5118100" cy="12566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5969842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AF2E137-EC28-48F8-9198-1F02539029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503D98FD-B63D-46E0-B974-EC5BBAC02E27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9422CD-6F62-4DD6-89EF-07A60B42D2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C6AFF8-42B4-4D05-969B-9F5FB3355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E76B772A-7600-4ECE-B5A2-34827D4C710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3820398-8D1F-4543-ABA0-7A67C38769B3}"/>
              </a:ext>
            </a:extLst>
          </p:cNvPr>
          <p:cNvSpPr/>
          <p:nvPr userDrawn="1"/>
        </p:nvSpPr>
        <p:spPr>
          <a:xfrm>
            <a:off x="1735138" y="3568700"/>
            <a:ext cx="8721725" cy="230822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endParaRPr lang="en-US" sz="1400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30399" y="3746500"/>
            <a:ext cx="8331202" cy="1308100"/>
          </a:xfrm>
        </p:spPr>
        <p:txBody>
          <a:bodyPr anchor="b" anchorCtr="0">
            <a:noAutofit/>
          </a:bodyPr>
          <a:lstStyle>
            <a:lvl1pPr algn="ctr">
              <a:lnSpc>
                <a:spcPct val="90000"/>
              </a:lnSpc>
              <a:defRPr sz="4800" b="1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930400" y="5219700"/>
            <a:ext cx="8331201" cy="586740"/>
          </a:xfrm>
        </p:spPr>
        <p:txBody>
          <a:bodyPr lIns="91440" rIns="91440" anchor="t" anchorCtr="0">
            <a:normAutofit/>
          </a:bodyPr>
          <a:lstStyle>
            <a:lvl1pPr marL="0" indent="0" algn="ctr">
              <a:buNone/>
              <a:defRPr sz="2400" cap="all" spc="200" baseline="0">
                <a:solidFill>
                  <a:schemeClr val="bg1"/>
                </a:solidFill>
                <a:latin typeface="+mn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5757C57-BBBA-44C6-9A4D-12F5D1E400AA}"/>
              </a:ext>
            </a:extLst>
          </p:cNvPr>
          <p:cNvSpPr/>
          <p:nvPr userDrawn="1"/>
        </p:nvSpPr>
        <p:spPr>
          <a:xfrm>
            <a:off x="3536950" y="3469101"/>
            <a:ext cx="5118100" cy="12566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664897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80" y="2120900"/>
            <a:ext cx="4639736" cy="374819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15944" y="2120900"/>
            <a:ext cx="4639736" cy="374819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782D47D-B0DC-4C40-BCC6-BBBA32584A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74ECCD-A9BB-4C40-8999-9FDE0B2AF02D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90D34E-7EBD-44B2-83CA-4C126A18D7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AC511A1-9BBD-42DE-92FB-2AF44F8E9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79728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2057400"/>
            <a:ext cx="4639736" cy="736282"/>
          </a:xfrm>
        </p:spPr>
        <p:txBody>
          <a:bodyPr lIns="91440" rIns="91440" anchor="ctr">
            <a:noAutofit/>
          </a:bodyPr>
          <a:lstStyle>
            <a:lvl1pPr marL="0" indent="0" algn="l">
              <a:buNone/>
              <a:defRPr sz="2400" b="1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86731" y="2958274"/>
            <a:ext cx="4639736" cy="291082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15944" y="2057400"/>
            <a:ext cx="4639736" cy="736282"/>
          </a:xfrm>
        </p:spPr>
        <p:txBody>
          <a:bodyPr lIns="91440" rIns="91440" anchor="ctr">
            <a:noAutofit/>
          </a:bodyPr>
          <a:lstStyle>
            <a:lvl1pPr marL="0" indent="0">
              <a:buNone/>
              <a:defRPr sz="2400" b="1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605395" y="2958273"/>
            <a:ext cx="4639736" cy="291082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AF8A515-AA94-45D1-9223-5C2272618D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A11315-80A2-4A6F-99BC-2337EDBA509A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052F5BC-98E0-4D60-AD67-9547738B7D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A38552DC-952E-41EA-AAAF-C2187523C0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5941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392073F-158F-44A3-8913-917AFFC1BC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3FCEE-D38D-4315-8661-B8B16CE6B114}" type="datetime1">
              <a:rPr lang="en-US" smtClean="0"/>
              <a:t>3/26/2020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EED72207-24CA-42B7-A975-2F8E41CBA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Footer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01080F2-251A-4B88-9A62-16F46D724F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00130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arallélogramme 14">
            <a:extLst>
              <a:ext uri="{FF2B5EF4-FFF2-40B4-BE49-F238E27FC236}">
                <a16:creationId xmlns:a16="http://schemas.microsoft.com/office/drawing/2014/main" id="{AF082EE3-41AA-4817-A1CC-C33DDB8F675F}"/>
              </a:ext>
            </a:extLst>
          </p:cNvPr>
          <p:cNvSpPr/>
          <p:nvPr userDrawn="1"/>
        </p:nvSpPr>
        <p:spPr>
          <a:xfrm>
            <a:off x="46672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4E9223F-721F-47BF-9FD5-0F8D12FF0D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27909053-E1DD-4959-BC7A-C98D3D2614DC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915714-6BBA-4593-8591-4E26F7D58D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E06F857-D2E1-44DD-ABDD-EBB739645B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0105073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arallélogramme 14">
            <a:extLst>
              <a:ext uri="{FF2B5EF4-FFF2-40B4-BE49-F238E27FC236}">
                <a16:creationId xmlns:a16="http://schemas.microsoft.com/office/drawing/2014/main" id="{D20796F3-5674-4AF5-9623-575731F82E52}"/>
              </a:ext>
            </a:extLst>
          </p:cNvPr>
          <p:cNvSpPr/>
          <p:nvPr userDrawn="1"/>
        </p:nvSpPr>
        <p:spPr>
          <a:xfrm>
            <a:off x="4667250" y="0"/>
            <a:ext cx="2857500" cy="6858000"/>
          </a:xfrm>
          <a:prstGeom prst="parallelogram">
            <a:avLst>
              <a:gd name="adj" fmla="val 0"/>
            </a:avLst>
          </a:prstGeom>
          <a:solidFill>
            <a:schemeClr val="bg1">
              <a:lumMod val="9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noProof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6548" y="2108201"/>
            <a:ext cx="10058400" cy="3760891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34126" y="6446838"/>
            <a:ext cx="25848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010F8E8D-DF54-49BE-BDBC-401B280C4E3C}" type="datetime1">
              <a:rPr lang="en-US" noProof="0" smtClean="0"/>
              <a:t>3/26/2020</a:t>
            </a:fld>
            <a:endParaRPr lang="en-U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97279" y="6446838"/>
            <a:ext cx="484632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 baseline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 noProof="0" dirty="0"/>
              <a:t>Footer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375670" y="6446838"/>
            <a:ext cx="7800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noProof="0" smtClean="0"/>
              <a:pPr/>
              <a:t>‹#›</a:t>
            </a:fld>
            <a:endParaRPr lang="en-US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F25E55C-1C16-46C6-B789-A4B2BCEF8F86}"/>
              </a:ext>
            </a:extLst>
          </p:cNvPr>
          <p:cNvSpPr/>
          <p:nvPr userDrawn="1"/>
        </p:nvSpPr>
        <p:spPr>
          <a:xfrm>
            <a:off x="0" y="1011981"/>
            <a:ext cx="1036320" cy="6858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902857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6" r:id="rId1"/>
    <p:sldLayoutId id="2147483718" r:id="rId2"/>
    <p:sldLayoutId id="2147483707" r:id="rId3"/>
    <p:sldLayoutId id="2147483708" r:id="rId4"/>
    <p:sldLayoutId id="2147483719" r:id="rId5"/>
    <p:sldLayoutId id="2147483709" r:id="rId6"/>
    <p:sldLayoutId id="2147483716" r:id="rId7"/>
    <p:sldLayoutId id="2147483710" r:id="rId8"/>
    <p:sldLayoutId id="2147483711" r:id="rId9"/>
    <p:sldLayoutId id="2147483712" r:id="rId10"/>
    <p:sldLayoutId id="2147483727" r:id="rId11"/>
    <p:sldLayoutId id="2147483720" r:id="rId12"/>
    <p:sldLayoutId id="2147483721" r:id="rId13"/>
    <p:sldLayoutId id="2147483725" r:id="rId14"/>
    <p:sldLayoutId id="2147483726" r:id="rId15"/>
    <p:sldLayoutId id="2147483722" r:id="rId16"/>
    <p:sldLayoutId id="2147483723" r:id="rId17"/>
    <p:sldLayoutId id="2147483715" r:id="rId18"/>
    <p:sldLayoutId id="2147483713" r:id="rId19"/>
    <p:sldLayoutId id="2147483714" r:id="rId20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800" b="1" kern="1200" spc="-50" baseline="0">
          <a:solidFill>
            <a:schemeClr val="tx1">
              <a:lumMod val="75000"/>
              <a:lumOff val="25000"/>
            </a:schemeClr>
          </a:solidFill>
          <a:latin typeface="+mn-lt"/>
          <a:ea typeface="+mj-ea"/>
          <a:cs typeface="+mj-cs"/>
        </a:defRPr>
      </a:lvl1pPr>
    </p:titleStyle>
    <p:bodyStyle>
      <a:lvl1pPr marL="266700" indent="-266700" algn="l" defTabSz="914400" rtl="0" eaLnBrk="1" latinLnBrk="0" hangingPunct="1">
        <a:lnSpc>
          <a:spcPct val="10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Wingdings" panose="05000000000000000000" pitchFamily="2" charset="2"/>
        <a:buChar char="§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10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10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" panose="05000000000000000000" pitchFamily="2" charset="2"/>
        <a:buChar char="§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10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" panose="05000000000000000000" pitchFamily="2" charset="2"/>
        <a:buChar char="§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10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" panose="05000000000000000000" pitchFamily="2" charset="2"/>
        <a:buChar char="§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7" userDrawn="1">
          <p15:clr>
            <a:srgbClr val="F26B43"/>
          </p15:clr>
        </p15:guide>
        <p15:guide id="2" pos="688" userDrawn="1">
          <p15:clr>
            <a:srgbClr val="F26B43"/>
          </p15:clr>
        </p15:guide>
        <p15:guide id="3" pos="7038" userDrawn="1">
          <p15:clr>
            <a:srgbClr val="F26B43"/>
          </p15:clr>
        </p15:guide>
        <p15:guide id="4" orient="horz" pos="3702" userDrawn="1">
          <p15:clr>
            <a:srgbClr val="F26B43"/>
          </p15:clr>
        </p15:guide>
        <p15:guide id="5" orient="horz" pos="406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7" Type="http://schemas.openxmlformats.org/officeDocument/2006/relationships/hyperlink" Target="https://www1.nyc.gov/html/dot/downloads/pdf/mobility-report-singlepage-2019.pdf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6.png"/><Relationship Id="rId5" Type="http://schemas.openxmlformats.org/officeDocument/2006/relationships/image" Target="../media/image25.jpg"/><Relationship Id="rId4" Type="http://schemas.openxmlformats.org/officeDocument/2006/relationships/image" Target="../media/image24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gif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5.jpeg"/><Relationship Id="rId5" Type="http://schemas.openxmlformats.org/officeDocument/2006/relationships/image" Target="../media/image4.jpg"/><Relationship Id="rId4" Type="http://schemas.openxmlformats.org/officeDocument/2006/relationships/image" Target="../media/image3.jpe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4" Type="http://schemas.openxmlformats.org/officeDocument/2006/relationships/slide" Target="slide3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gif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gif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10" Type="http://schemas.openxmlformats.org/officeDocument/2006/relationships/image" Target="../media/image13.svg"/><Relationship Id="rId4" Type="http://schemas.openxmlformats.org/officeDocument/2006/relationships/image" Target="../media/image7.svg"/><Relationship Id="rId9" Type="http://schemas.openxmlformats.org/officeDocument/2006/relationships/image" Target="../media/image12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sv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6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4" Type="http://schemas.openxmlformats.org/officeDocument/2006/relationships/slide" Target="slide20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8.xml"/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12" Type="http://schemas.microsoft.com/office/2007/relationships/diagramDrawing" Target="../diagrams/drawing8.xml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7.xml"/><Relationship Id="rId11" Type="http://schemas.openxmlformats.org/officeDocument/2006/relationships/diagramColors" Target="../diagrams/colors8.xml"/><Relationship Id="rId5" Type="http://schemas.openxmlformats.org/officeDocument/2006/relationships/diagramQuickStyle" Target="../diagrams/quickStyle7.xml"/><Relationship Id="rId10" Type="http://schemas.openxmlformats.org/officeDocument/2006/relationships/diagramQuickStyle" Target="../diagrams/quickStyle8.xml"/><Relationship Id="rId4" Type="http://schemas.openxmlformats.org/officeDocument/2006/relationships/diagramLayout" Target="../diagrams/layout7.xml"/><Relationship Id="rId9" Type="http://schemas.openxmlformats.org/officeDocument/2006/relationships/diagramLayout" Target="../diagrams/layout8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1.png"/><Relationship Id="rId4" Type="http://schemas.openxmlformats.org/officeDocument/2006/relationships/image" Target="../media/image60.png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64.sv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6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3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3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71.png"/><Relationship Id="rId4" Type="http://schemas.openxmlformats.org/officeDocument/2006/relationships/image" Target="../media/image70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image" Target="../media/image16.sv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15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notesSlide" Target="../notesSlides/notesSlide5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 descr="Group of people talking">
            <a:extLst>
              <a:ext uri="{FF2B5EF4-FFF2-40B4-BE49-F238E27FC236}">
                <a16:creationId xmlns:a16="http://schemas.microsoft.com/office/drawing/2014/main" id="{C7D5F6B1-1228-4C2A-AE2C-950C34054CE4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print"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" r="13"/>
          <a:stretch/>
        </p:blipFill>
        <p:spPr/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A017FF9C-6A7E-4A79-81BB-438E8EA9676A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629400" y="758952"/>
            <a:ext cx="5467350" cy="3227514"/>
          </a:xfrm>
        </p:spPr>
        <p:txBody>
          <a:bodyPr>
            <a:normAutofit/>
          </a:bodyPr>
          <a:lstStyle/>
          <a:p>
            <a:r>
              <a:rPr lang="en-US" dirty="0"/>
              <a:t>Ride With Us</a:t>
            </a:r>
            <a:br>
              <a:rPr lang="en-US" dirty="0"/>
            </a:br>
            <a:r>
              <a:rPr lang="en-US" dirty="0"/>
              <a:t>Study on </a:t>
            </a:r>
            <a:br>
              <a:rPr lang="en-US" dirty="0"/>
            </a:br>
            <a:r>
              <a:rPr lang="en-US" dirty="0"/>
              <a:t>Citi Bike in NYC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FFFB5E3C-FE17-44EA-B59B-183125D08F7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506679" y="4575877"/>
            <a:ext cx="5852160" cy="1739900"/>
          </a:xfrm>
        </p:spPr>
        <p:txBody>
          <a:bodyPr>
            <a:normAutofit fontScale="92500"/>
          </a:bodyPr>
          <a:lstStyle/>
          <a:p>
            <a:r>
              <a:rPr lang="en-US" dirty="0">
                <a:latin typeface="+mj-lt"/>
              </a:rPr>
              <a:t>PRESENTED BY</a:t>
            </a:r>
            <a:r>
              <a:rPr lang="zh-CN" altLang="en-US" dirty="0">
                <a:latin typeface="+mj-lt"/>
              </a:rPr>
              <a:t>：</a:t>
            </a:r>
            <a:endParaRPr lang="en-US" altLang="zh-CN" dirty="0">
              <a:latin typeface="+mj-lt"/>
            </a:endParaRPr>
          </a:p>
          <a:p>
            <a:r>
              <a:rPr lang="en-US" altLang="zh-CN" dirty="0">
                <a:latin typeface="+mj-lt"/>
              </a:rPr>
              <a:t>Hanbo Shao, Alice Zhang, May Zhang</a:t>
            </a:r>
            <a:endParaRPr lang="en-US" dirty="0">
              <a:latin typeface="+mj-lt"/>
            </a:endParaRPr>
          </a:p>
          <a:p>
            <a:r>
              <a:rPr lang="en-US" dirty="0">
                <a:latin typeface="+mj-lt"/>
              </a:rPr>
              <a:t>3/26/2020</a:t>
            </a:r>
          </a:p>
        </p:txBody>
      </p:sp>
    </p:spTree>
    <p:extLst>
      <p:ext uri="{BB962C8B-B14F-4D97-AF65-F5344CB8AC3E}">
        <p14:creationId xmlns:p14="http://schemas.microsoft.com/office/powerpoint/2010/main" val="417229683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8146B020-2B12-4533-AB98-A078339B31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2074" y="286603"/>
            <a:ext cx="5983605" cy="1450757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Bike V.S. Taxi </a:t>
            </a:r>
          </a:p>
        </p:txBody>
      </p:sp>
      <p:pic>
        <p:nvPicPr>
          <p:cNvPr id="23" name="Content Placeholder 22">
            <a:extLst>
              <a:ext uri="{FF2B5EF4-FFF2-40B4-BE49-F238E27FC236}">
                <a16:creationId xmlns:a16="http://schemas.microsoft.com/office/drawing/2014/main" id="{5C378A67-E0EE-44CB-87F9-7267DC446A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29901" y="2201710"/>
            <a:ext cx="3137061" cy="2540131"/>
          </a:xfrm>
        </p:spPr>
      </p:pic>
      <p:pic>
        <p:nvPicPr>
          <p:cNvPr id="10" name="Picture Placeholder 9" descr="A view of a tall building">
            <a:extLst>
              <a:ext uri="{FF2B5EF4-FFF2-40B4-BE49-F238E27FC236}">
                <a16:creationId xmlns:a16="http://schemas.microsoft.com/office/drawing/2014/main" id="{7E7516D5-86C5-48B5-8E66-B9E6F735DF5D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102" r="9892"/>
          <a:stretch/>
        </p:blipFill>
        <p:spPr>
          <a:xfrm>
            <a:off x="20" y="10"/>
            <a:ext cx="4580077" cy="685799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32E615D6-613A-4497-9BD2-D02A9E61B31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36959" y="2182323"/>
            <a:ext cx="2983229" cy="2493353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D44991B4-C59A-4BFF-9898-0FCEE6534C8D}"/>
              </a:ext>
            </a:extLst>
          </p:cNvPr>
          <p:cNvSpPr txBox="1"/>
          <p:nvPr/>
        </p:nvSpPr>
        <p:spPr>
          <a:xfrm>
            <a:off x="5466637" y="4700499"/>
            <a:ext cx="2590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zh-CN" dirty="0"/>
              <a:t>Midtown</a:t>
            </a:r>
            <a:endParaRPr lang="en-US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E10A2E1C-2351-43E0-82BF-E908C011DC9D}"/>
              </a:ext>
            </a:extLst>
          </p:cNvPr>
          <p:cNvSpPr txBox="1"/>
          <p:nvPr/>
        </p:nvSpPr>
        <p:spPr>
          <a:xfrm>
            <a:off x="8386764" y="4700499"/>
            <a:ext cx="2590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zh-CN" dirty="0"/>
              <a:t>Brooklyn and Queens</a:t>
            </a:r>
            <a:endParaRPr lang="en-US" dirty="0"/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D5333171-6545-4564-B52A-5CA295BA7C0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20188" y="2376488"/>
            <a:ext cx="685800" cy="1647825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8071C02E-2016-48D4-99CF-75E8E9603C5D}"/>
              </a:ext>
            </a:extLst>
          </p:cNvPr>
          <p:cNvSpPr/>
          <p:nvPr/>
        </p:nvSpPr>
        <p:spPr>
          <a:xfrm>
            <a:off x="5066109" y="6531644"/>
            <a:ext cx="712589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>
                <a:solidFill>
                  <a:schemeClr val="tx1">
                    <a:lumMod val="50000"/>
                    <a:lumOff val="50000"/>
                  </a:schemeClr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urce: https://www1.nyc.gov/html/dot/downloads/pdf/mobility-report-singlepage-2019.pdf</a:t>
            </a:r>
            <a:endParaRPr 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767673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8146B020-2B12-4533-AB98-A078339B31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7078" y="516836"/>
            <a:ext cx="3100136" cy="1960234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800" dirty="0">
                <a:solidFill>
                  <a:schemeClr val="tx1"/>
                </a:solidFill>
              </a:rPr>
              <a:t>Mission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3D22D53-586E-4F80-B549-03B4A942D8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746" y="2752754"/>
            <a:ext cx="3441454" cy="3766821"/>
          </a:xfrm>
        </p:spPr>
        <p:txBody>
          <a:bodyPr vert="horz" lIns="0" tIns="45720" rIns="0" bIns="45720" rtlCol="0">
            <a:normAutofit/>
          </a:bodyPr>
          <a:lstStyle/>
          <a:p>
            <a:r>
              <a:rPr lang="en-US" dirty="0">
                <a:latin typeface="+mj-lt"/>
              </a:rPr>
              <a:t>Understand factors that have strong impact on bike ridership in NYC</a:t>
            </a:r>
          </a:p>
          <a:p>
            <a:r>
              <a:rPr lang="en-US" dirty="0">
                <a:latin typeface="+mj-lt"/>
              </a:rPr>
              <a:t>Identify any similarity and discrepancy between all dock stations </a:t>
            </a:r>
          </a:p>
          <a:p>
            <a:r>
              <a:rPr lang="en-US" dirty="0">
                <a:latin typeface="+mj-lt"/>
              </a:rPr>
              <a:t>Recommendations for future plan</a:t>
            </a:r>
          </a:p>
        </p:txBody>
      </p:sp>
      <p:pic>
        <p:nvPicPr>
          <p:cNvPr id="11" name="Picture Placeholder 8" descr="A picture containing object that represents mission, goal&#10;">
            <a:extLst>
              <a:ext uri="{FF2B5EF4-FFF2-40B4-BE49-F238E27FC236}">
                <a16:creationId xmlns:a16="http://schemas.microsoft.com/office/drawing/2014/main" id="{4D1EF24D-5FD2-472B-8576-94BB27A61D92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0701" r="2" b="2295"/>
          <a:stretch/>
        </p:blipFill>
        <p:spPr>
          <a:xfrm>
            <a:off x="4080728" y="10"/>
            <a:ext cx="8111272" cy="6857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32248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36DB04AA-2B2C-4162-AD6D-1FF802682C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2074" y="286603"/>
            <a:ext cx="5983605" cy="1450757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altLang="zh-CN" sz="48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sources</a:t>
            </a:r>
            <a:endParaRPr lang="en-US" sz="48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6CCBAAA8-DE36-46A7-8728-72C3486FDB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2074" y="2108201"/>
            <a:ext cx="6219826" cy="4463195"/>
          </a:xfrm>
        </p:spPr>
        <p:txBody>
          <a:bodyPr vert="horz" lIns="0" tIns="45720" rIns="0" bIns="45720" rtlCol="0">
            <a:normAutofit lnSpcReduction="10000"/>
          </a:bodyPr>
          <a:lstStyle/>
          <a:p>
            <a:pPr marL="430213" indent="-342900"/>
            <a:r>
              <a:rPr lang="en-US" dirty="0">
                <a:latin typeface="+mj-lt"/>
              </a:rPr>
              <a:t>Citi Bike Monthly Operating Report </a:t>
            </a:r>
          </a:p>
          <a:p>
            <a:pPr marL="913321" lvl="3" indent="-342900"/>
            <a:r>
              <a:rPr lang="en-US" sz="2000" dirty="0">
                <a:latin typeface="+mj-lt"/>
              </a:rPr>
              <a:t>Trip data including trip duration, start and end time, start and end locations, Bike ID </a:t>
            </a:r>
          </a:p>
          <a:p>
            <a:pPr marL="913321" lvl="3" indent="-342900"/>
            <a:r>
              <a:rPr lang="en-US" sz="2000" dirty="0">
                <a:latin typeface="+mj-lt"/>
              </a:rPr>
              <a:t>5 % of each month trip data </a:t>
            </a:r>
          </a:p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sz="2400" dirty="0">
                <a:latin typeface="+mj-lt"/>
              </a:rPr>
              <a:t>NYC Daily Weather </a:t>
            </a:r>
            <a:r>
              <a:rPr lang="en-US" altLang="zh-CN" sz="2400" dirty="0">
                <a:latin typeface="+mj-lt"/>
              </a:rPr>
              <a:t>Report </a:t>
            </a:r>
          </a:p>
          <a:p>
            <a:pPr marL="913321" lvl="3" indent="-342900">
              <a:buSzPct val="100000"/>
            </a:pPr>
            <a:r>
              <a:rPr lang="en-US" sz="2000" dirty="0">
                <a:latin typeface="+mj-lt"/>
              </a:rPr>
              <a:t>Temperature, precipitation, other conditions (e.g. thunder, </a:t>
            </a:r>
            <a:r>
              <a:rPr lang="en-US" altLang="zh-CN" sz="2000" dirty="0">
                <a:latin typeface="+mj-lt"/>
              </a:rPr>
              <a:t>h</a:t>
            </a:r>
            <a:r>
              <a:rPr lang="en-US" sz="2000" dirty="0">
                <a:latin typeface="+mj-lt"/>
              </a:rPr>
              <a:t>aze, wind speed)</a:t>
            </a:r>
            <a:endParaRPr lang="en-US" sz="1800" dirty="0">
              <a:latin typeface="+mj-lt"/>
            </a:endParaRPr>
          </a:p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sz="2400" dirty="0">
                <a:latin typeface="+mj-lt"/>
              </a:rPr>
              <a:t>Time Span </a:t>
            </a:r>
          </a:p>
          <a:p>
            <a:pPr marL="913321" lvl="3" indent="-342900">
              <a:lnSpc>
                <a:spcPct val="110000"/>
              </a:lnSpc>
              <a:buSzPct val="100000"/>
            </a:pPr>
            <a:r>
              <a:rPr lang="en-US" sz="2000" dirty="0">
                <a:latin typeface="+mj-lt"/>
              </a:rPr>
              <a:t>Jan 2017 to Dec 2019 from 5 am - 10 pm </a:t>
            </a:r>
          </a:p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altLang="zh-CN" sz="2400" dirty="0">
                <a:latin typeface="+mj-lt"/>
              </a:rPr>
              <a:t>Data</a:t>
            </a:r>
          </a:p>
          <a:p>
            <a:pPr marL="913321" lvl="3" indent="-342900">
              <a:buSzPct val="100000"/>
            </a:pPr>
            <a:r>
              <a:rPr lang="en-US" altLang="zh-CN" sz="2000" dirty="0">
                <a:latin typeface="+mj-lt"/>
              </a:rPr>
              <a:t>2.6 million trip data with</a:t>
            </a:r>
            <a:r>
              <a:rPr lang="en-US" altLang="zh-CN" sz="2000" dirty="0">
                <a:solidFill>
                  <a:schemeClr val="tx1"/>
                </a:solidFill>
                <a:latin typeface="+mj-lt"/>
              </a:rPr>
              <a:t> 57 </a:t>
            </a:r>
            <a:r>
              <a:rPr lang="en-US" altLang="zh-CN" sz="2000" dirty="0">
                <a:latin typeface="+mj-lt"/>
              </a:rPr>
              <a:t>features </a:t>
            </a:r>
          </a:p>
          <a:p>
            <a:pPr marL="637505" lvl="6" indent="0">
              <a:spcBef>
                <a:spcPts val="1200"/>
              </a:spcBef>
              <a:spcAft>
                <a:spcPts val="200"/>
              </a:spcAft>
              <a:buSzPct val="100000"/>
              <a:buNone/>
            </a:pPr>
            <a:endParaRPr lang="en-US" sz="2200" dirty="0">
              <a:latin typeface="+mj-lt"/>
            </a:endParaRPr>
          </a:p>
          <a:p>
            <a:pPr marL="570421" lvl="3" indent="0">
              <a:buNone/>
            </a:pPr>
            <a:endParaRPr lang="en-US" dirty="0">
              <a:latin typeface="+mj-lt"/>
            </a:endParaRPr>
          </a:p>
          <a:p>
            <a:pPr marL="430213" indent="-342900"/>
            <a:endParaRPr lang="en-US" dirty="0">
              <a:latin typeface="+mj-lt"/>
            </a:endParaRPr>
          </a:p>
        </p:txBody>
      </p:sp>
      <p:pic>
        <p:nvPicPr>
          <p:cNvPr id="11" name="Picture Placeholder 10" descr="A picture containing sky, water, outdoor, person. It also reflects philosophy, peace&#10;&#10;">
            <a:extLst>
              <a:ext uri="{FF2B5EF4-FFF2-40B4-BE49-F238E27FC236}">
                <a16:creationId xmlns:a16="http://schemas.microsoft.com/office/drawing/2014/main" id="{94B2FFE9-6D1F-4DC1-8532-95405973ABE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0" y="10"/>
            <a:ext cx="4580077" cy="6857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689770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25042359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89696936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13231368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8160565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9A1E66-AAD2-426E-9E8D-491C80BBDA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Citi Bike Station Counts by Quarters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84B03B6E-9E65-4395-BA5B-F90BF32FB1A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707753" y="2108200"/>
            <a:ext cx="9074944" cy="37607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64113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4ACFD1-B1F7-4656-810F-DCF1B0A9C0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Stations Expansions in Tableau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EAB0AAC-2E8E-4AE5-B0A9-7454011D510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1600" y="1691640"/>
            <a:ext cx="9521577" cy="502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930198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70821427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06901613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DBF2A533-9D61-5445-B679-4A574B65BA0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5177671" y="848360"/>
            <a:ext cx="6538938" cy="4937760"/>
          </a:xfrm>
          <a:noFill/>
        </p:spPr>
      </p:pic>
      <p:sp>
        <p:nvSpPr>
          <p:cNvPr id="13" name="Title 2">
            <a:extLst>
              <a:ext uri="{FF2B5EF4-FFF2-40B4-BE49-F238E27FC236}">
                <a16:creationId xmlns:a16="http://schemas.microsoft.com/office/drawing/2014/main" id="{9EB5030E-E32F-47B6-95CD-75EDED4AA9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5850" y="1885125"/>
            <a:ext cx="3451860" cy="2286825"/>
          </a:xfrm>
        </p:spPr>
        <p:txBody>
          <a:bodyPr>
            <a:normAutofit/>
          </a:bodyPr>
          <a:lstStyle/>
          <a:p>
            <a:r>
              <a:rPr lang="en-US" sz="4000" dirty="0"/>
              <a:t>Seasonal Trend of Citi Bike Trips</a:t>
            </a:r>
          </a:p>
        </p:txBody>
      </p:sp>
    </p:spTree>
    <p:extLst>
      <p:ext uri="{BB962C8B-B14F-4D97-AF65-F5344CB8AC3E}">
        <p14:creationId xmlns:p14="http://schemas.microsoft.com/office/powerpoint/2010/main" val="272607179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B5BA7203-E18A-4594-9991-EFE3B8E4D5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86603"/>
            <a:ext cx="10561320" cy="1450757"/>
          </a:xfrm>
        </p:spPr>
        <p:txBody>
          <a:bodyPr anchor="b">
            <a:normAutofit/>
          </a:bodyPr>
          <a:lstStyle/>
          <a:p>
            <a:r>
              <a:rPr lang="en-US" altLang="zh-CN" sz="4000" dirty="0"/>
              <a:t>Temperature’s Impact on Ridership</a:t>
            </a:r>
            <a:endParaRPr lang="en-US" sz="4000" dirty="0"/>
          </a:p>
        </p:txBody>
      </p:sp>
      <p:pic>
        <p:nvPicPr>
          <p:cNvPr id="4" name="Content Placeholder 3" descr="A picture containing photo, large, table, white&#10;&#10;Description automatically generated">
            <a:extLst>
              <a:ext uri="{FF2B5EF4-FFF2-40B4-BE49-F238E27FC236}">
                <a16:creationId xmlns:a16="http://schemas.microsoft.com/office/drawing/2014/main" id="{4704CE0D-864E-0E43-835A-02F4DF46D42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1371600" y="2011680"/>
            <a:ext cx="9119286" cy="4114800"/>
          </a:xfrm>
          <a:noFill/>
        </p:spPr>
      </p:pic>
    </p:spTree>
    <p:extLst>
      <p:ext uri="{BB962C8B-B14F-4D97-AF65-F5344CB8AC3E}">
        <p14:creationId xmlns:p14="http://schemas.microsoft.com/office/powerpoint/2010/main" val="16674065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 descr="Company , Office ">
            <a:extLst>
              <a:ext uri="{FF2B5EF4-FFF2-40B4-BE49-F238E27FC236}">
                <a16:creationId xmlns:a16="http://schemas.microsoft.com/office/drawing/2014/main" id="{252793D9-9D19-46B1-AC25-73D1587617BB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 cstate="print"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" r="35"/>
          <a:stretch>
            <a:fillRect/>
          </a:stretch>
        </p:blipFill>
        <p:spPr/>
      </p:pic>
      <p:sp>
        <p:nvSpPr>
          <p:cNvPr id="6" name="Title 5">
            <a:extLst>
              <a:ext uri="{FF2B5EF4-FFF2-40B4-BE49-F238E27FC236}">
                <a16:creationId xmlns:a16="http://schemas.microsoft.com/office/drawing/2014/main" id="{0C9D11D0-1CA9-42D5-AF43-178886E168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Are We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46B9FD8B-5D1C-457B-8A59-E4F48DF9CCD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0"/>
            <a:ext cx="12192000" cy="3541486"/>
          </a:xfrm>
          <a:prstGeom prst="rect">
            <a:avLst/>
          </a:prstGeom>
          <a:gradFill flip="none" rotWithShape="1">
            <a:gsLst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D447B9F0-E0A0-4BBE-B121-CB430CF0BA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5577840" y="0"/>
            <a:ext cx="1036320" cy="6858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F7FCD230-80C3-4221-BD83-0AF697C8C66A}"/>
              </a:ext>
            </a:extLst>
          </p:cNvPr>
          <p:cNvSpPr/>
          <p:nvPr/>
        </p:nvSpPr>
        <p:spPr>
          <a:xfrm>
            <a:off x="1166631" y="4530612"/>
            <a:ext cx="2510220" cy="8617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dirty="0">
                <a:solidFill>
                  <a:schemeClr val="accent1"/>
                </a:solidFill>
              </a:rPr>
              <a:t>Hanbo Shao</a:t>
            </a:r>
          </a:p>
          <a:p>
            <a:pPr algn="ctr"/>
            <a:endParaRPr lang="en-US" dirty="0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5FD8CEFD-B7FD-494C-9958-FFC3682AFFA4}"/>
              </a:ext>
            </a:extLst>
          </p:cNvPr>
          <p:cNvSpPr/>
          <p:nvPr/>
        </p:nvSpPr>
        <p:spPr>
          <a:xfrm>
            <a:off x="4961140" y="4530612"/>
            <a:ext cx="2400302" cy="8617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dirty="0">
                <a:solidFill>
                  <a:schemeClr val="accent1"/>
                </a:solidFill>
              </a:rPr>
              <a:t>Alice Zhang</a:t>
            </a:r>
          </a:p>
          <a:p>
            <a:pPr algn="ctr"/>
            <a:endParaRPr lang="en-US" dirty="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D0D034E2-BF66-4CC7-A5E7-6632D8A1EC90}"/>
              </a:ext>
            </a:extLst>
          </p:cNvPr>
          <p:cNvSpPr/>
          <p:nvPr/>
        </p:nvSpPr>
        <p:spPr>
          <a:xfrm>
            <a:off x="8497503" y="4530612"/>
            <a:ext cx="2354016" cy="8617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dirty="0">
                <a:solidFill>
                  <a:schemeClr val="accent1"/>
                </a:solidFill>
              </a:rPr>
              <a:t>May Zhang</a:t>
            </a:r>
          </a:p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23E8F64-A337-487B-B96A-8EFD2FE653E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97279" y="2119086"/>
            <a:ext cx="2579572" cy="140941"/>
          </a:xfrm>
          <a:prstGeom prst="rect">
            <a:avLst/>
          </a:prstGeom>
          <a:solidFill>
            <a:schemeClr val="accent3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65870FC-82BB-4D61-BA40-37620D888FA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7442"/>
          <a:stretch/>
        </p:blipFill>
        <p:spPr>
          <a:xfrm>
            <a:off x="1097279" y="2260027"/>
            <a:ext cx="2579572" cy="212964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2DFB7044-39DA-4F75-BDFE-95507D008296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182"/>
          <a:stretch/>
        </p:blipFill>
        <p:spPr>
          <a:xfrm>
            <a:off x="4782834" y="2260027"/>
            <a:ext cx="2578608" cy="2129644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3FED5D55-8DDE-42A3-A0A9-F263D6F4D1A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782834" y="2118517"/>
            <a:ext cx="2579572" cy="140941"/>
          </a:xfrm>
          <a:prstGeom prst="rect">
            <a:avLst/>
          </a:prstGeom>
          <a:solidFill>
            <a:schemeClr val="accent3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9BBA058B-6DD7-40BD-9C3C-2997A69FE4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497503" y="2118517"/>
            <a:ext cx="2579572" cy="140941"/>
          </a:xfrm>
          <a:prstGeom prst="rect">
            <a:avLst/>
          </a:prstGeom>
          <a:solidFill>
            <a:schemeClr val="accent3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7847301-DF69-4BD0-BFCB-B82208D249AB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54" b="39986"/>
          <a:stretch/>
        </p:blipFill>
        <p:spPr>
          <a:xfrm>
            <a:off x="8496539" y="2248331"/>
            <a:ext cx="2578608" cy="212964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46150B1-C7FE-428A-96C6-5C4C779D6D31}"/>
              </a:ext>
            </a:extLst>
          </p:cNvPr>
          <p:cNvSpPr txBox="1"/>
          <p:nvPr/>
        </p:nvSpPr>
        <p:spPr>
          <a:xfrm>
            <a:off x="8324850" y="5224552"/>
            <a:ext cx="3581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linkedin.com/in/yunmeizhang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A79984C-045B-48D2-821F-CD5AED1A61BF}"/>
              </a:ext>
            </a:extLst>
          </p:cNvPr>
          <p:cNvSpPr txBox="1"/>
          <p:nvPr/>
        </p:nvSpPr>
        <p:spPr>
          <a:xfrm>
            <a:off x="1179636" y="5224552"/>
            <a:ext cx="3581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linkedin.com/in/hanbo-shao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97C7B2D-295D-450E-896C-E85DBFED0EB4}"/>
              </a:ext>
            </a:extLst>
          </p:cNvPr>
          <p:cNvSpPr txBox="1"/>
          <p:nvPr/>
        </p:nvSpPr>
        <p:spPr>
          <a:xfrm>
            <a:off x="4665917" y="5207720"/>
            <a:ext cx="3581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linkedin.com/in/xuyuan-zhang</a:t>
            </a:r>
          </a:p>
        </p:txBody>
      </p:sp>
    </p:spTree>
    <p:extLst>
      <p:ext uri="{BB962C8B-B14F-4D97-AF65-F5344CB8AC3E}">
        <p14:creationId xmlns:p14="http://schemas.microsoft.com/office/powerpoint/2010/main" val="264058072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B5BA7203-E18A-4594-9991-EFE3B8E4D5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5850" y="283845"/>
            <a:ext cx="10561320" cy="1450757"/>
          </a:xfrm>
        </p:spPr>
        <p:txBody>
          <a:bodyPr anchor="b">
            <a:normAutofit/>
          </a:bodyPr>
          <a:lstStyle/>
          <a:p>
            <a:r>
              <a:rPr lang="en-US" sz="4000" dirty="0"/>
              <a:t>Weather Conditions’ Impact on Ridership</a:t>
            </a:r>
          </a:p>
        </p:txBody>
      </p:sp>
      <p:pic>
        <p:nvPicPr>
          <p:cNvPr id="5" name="Content Placeholder 4" descr="A screenshot of a cell phone&#10;&#10;Description automatically generated">
            <a:extLst>
              <a:ext uri="{FF2B5EF4-FFF2-40B4-BE49-F238E27FC236}">
                <a16:creationId xmlns:a16="http://schemas.microsoft.com/office/drawing/2014/main" id="{1E6008D7-3664-F849-9A7A-616204B1C65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0" y="2011680"/>
            <a:ext cx="7347445" cy="4572000"/>
          </a:xfrm>
        </p:spPr>
      </p:pic>
      <p:sp>
        <p:nvSpPr>
          <p:cNvPr id="3" name="Rectangle 2">
            <a:hlinkClick r:id="rId4" action="ppaction://hlinksldjump"/>
            <a:extLst>
              <a:ext uri="{FF2B5EF4-FFF2-40B4-BE49-F238E27FC236}">
                <a16:creationId xmlns:a16="http://schemas.microsoft.com/office/drawing/2014/main" id="{E3CC20F8-497E-4805-8FF1-D3FA71FD26CE}"/>
              </a:ext>
            </a:extLst>
          </p:cNvPr>
          <p:cNvSpPr/>
          <p:nvPr/>
        </p:nvSpPr>
        <p:spPr>
          <a:xfrm>
            <a:off x="9580880" y="5791200"/>
            <a:ext cx="325120" cy="28448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009836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83082812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07224008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B5BA7203-E18A-4594-9991-EFE3B8E4D5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73480" y="924778"/>
            <a:ext cx="10058400" cy="810677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000" b="1" kern="1200" spc="-50" baseline="0" dirty="0">
                <a:latin typeface="+mn-lt"/>
                <a:ea typeface="+mj-ea"/>
                <a:cs typeface="+mj-cs"/>
              </a:rPr>
              <a:t>Ridership </a:t>
            </a:r>
            <a:r>
              <a:rPr lang="en-US" sz="4000" dirty="0"/>
              <a:t>During Weekdays and Weekends</a:t>
            </a:r>
            <a:endParaRPr lang="en-US" sz="4000" b="1" kern="1200" spc="-50" baseline="0" dirty="0">
              <a:latin typeface="+mn-lt"/>
              <a:ea typeface="+mj-ea"/>
              <a:cs typeface="+mj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A954D92-C4EC-4E5D-83B6-DA6B49751A66}"/>
              </a:ext>
            </a:extLst>
          </p:cNvPr>
          <p:cNvSpPr txBox="1"/>
          <p:nvPr/>
        </p:nvSpPr>
        <p:spPr>
          <a:xfrm>
            <a:off x="5486400" y="6650325"/>
            <a:ext cx="1162050" cy="1692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US" sz="50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82AE083-D591-4CEA-8D4D-78658A6F2F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1914" y="1755805"/>
            <a:ext cx="7131021" cy="5102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585970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974216-60C0-4430-8E09-AA94F02C11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19200" y="235803"/>
            <a:ext cx="10058400" cy="1450757"/>
          </a:xfrm>
        </p:spPr>
        <p:txBody>
          <a:bodyPr>
            <a:normAutofit/>
          </a:bodyPr>
          <a:lstStyle/>
          <a:p>
            <a:r>
              <a:rPr lang="en-US" sz="4000" dirty="0"/>
              <a:t>Weekdays and Weekends Hot Spot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250518D4-313D-4DBF-9E0E-1EC637C07822}"/>
              </a:ext>
            </a:extLst>
          </p:cNvPr>
          <p:cNvGrpSpPr/>
          <p:nvPr/>
        </p:nvGrpSpPr>
        <p:grpSpPr>
          <a:xfrm>
            <a:off x="1371600" y="1691640"/>
            <a:ext cx="10418445" cy="5029200"/>
            <a:chOff x="1371600" y="1691640"/>
            <a:chExt cx="10418445" cy="5029200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AAD19165-BB87-4C59-B473-591B4033680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371600" y="1691640"/>
              <a:ext cx="8527774" cy="5029200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4CB21909-CA09-476A-82A1-3CA3762C3B6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0151745" y="2626995"/>
              <a:ext cx="1638300" cy="8477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97944838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7736B3D2-0530-476B-90E7-1038E12A19F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1600" y="1645920"/>
            <a:ext cx="9521576" cy="50292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B84E5BF-B031-48B3-BF41-5DDAB6490B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Activity During A Day </a:t>
            </a:r>
          </a:p>
        </p:txBody>
      </p:sp>
    </p:spTree>
    <p:extLst>
      <p:ext uri="{BB962C8B-B14F-4D97-AF65-F5344CB8AC3E}">
        <p14:creationId xmlns:p14="http://schemas.microsoft.com/office/powerpoint/2010/main" val="264352043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B5BA7203-E18A-4594-9991-EFE3B8E4D5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86603"/>
            <a:ext cx="10561320" cy="1450757"/>
          </a:xfrm>
        </p:spPr>
        <p:txBody>
          <a:bodyPr anchor="b">
            <a:normAutofit/>
          </a:bodyPr>
          <a:lstStyle/>
          <a:p>
            <a:r>
              <a:rPr lang="en-US" sz="4000" dirty="0"/>
              <a:t>Hourly Trend of Bike Ridership</a:t>
            </a:r>
            <a:endParaRPr lang="en-US" sz="4000" dirty="0">
              <a:highlight>
                <a:srgbClr val="FFFF00"/>
              </a:highlight>
            </a:endParaRPr>
          </a:p>
        </p:txBody>
      </p:sp>
      <p:pic>
        <p:nvPicPr>
          <p:cNvPr id="7" name="Content Placeholder 6" descr="A screenshot of a cell phone&#10;&#10;Description automatically generated">
            <a:extLst>
              <a:ext uri="{FF2B5EF4-FFF2-40B4-BE49-F238E27FC236}">
                <a16:creationId xmlns:a16="http://schemas.microsoft.com/office/drawing/2014/main" id="{ADC63F8B-89CA-4948-9A70-4941122DD80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5603" y="2178626"/>
            <a:ext cx="9583174" cy="3886200"/>
          </a:xfr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91C2E816-B9E5-470E-8E93-103A70080840}"/>
              </a:ext>
            </a:extLst>
          </p:cNvPr>
          <p:cNvGrpSpPr/>
          <p:nvPr/>
        </p:nvGrpSpPr>
        <p:grpSpPr>
          <a:xfrm>
            <a:off x="1026051" y="2015373"/>
            <a:ext cx="8234063" cy="4212705"/>
            <a:chOff x="944771" y="1986765"/>
            <a:chExt cx="8234063" cy="4212705"/>
          </a:xfrm>
        </p:grpSpPr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6BC6BFAB-B7D6-4C91-970B-9C641711221C}"/>
                </a:ext>
              </a:extLst>
            </p:cNvPr>
            <p:cNvSpPr txBox="1"/>
            <p:nvPr/>
          </p:nvSpPr>
          <p:spPr>
            <a:xfrm rot="10800000">
              <a:off x="944771" y="3222170"/>
              <a:ext cx="461665" cy="1441269"/>
            </a:xfrm>
            <a:prstGeom prst="rect">
              <a:avLst/>
            </a:prstGeom>
            <a:solidFill>
              <a:schemeClr val="bg1"/>
            </a:solidFill>
          </p:spPr>
          <p:txBody>
            <a:bodyPr vert="eaVert" wrap="square" rtlCol="0">
              <a:spAutoFit/>
            </a:bodyPr>
            <a:lstStyle/>
            <a:p>
              <a:r>
                <a:rPr lang="en-US" dirty="0"/>
                <a:t>Counts of Trip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6AB000BC-3837-46BF-B954-9E3F6B91F957}"/>
                </a:ext>
              </a:extLst>
            </p:cNvPr>
            <p:cNvSpPr txBox="1"/>
            <p:nvPr/>
          </p:nvSpPr>
          <p:spPr>
            <a:xfrm rot="16200000">
              <a:off x="6147109" y="5199018"/>
              <a:ext cx="461665" cy="1539240"/>
            </a:xfrm>
            <a:prstGeom prst="rect">
              <a:avLst/>
            </a:prstGeom>
            <a:solidFill>
              <a:schemeClr val="bg1"/>
            </a:solidFill>
          </p:spPr>
          <p:txBody>
            <a:bodyPr vert="eaVert" wrap="square" rtlCol="0">
              <a:spAutoFit/>
            </a:bodyPr>
            <a:lstStyle/>
            <a:p>
              <a:pPr algn="ctr"/>
              <a:r>
                <a:rPr lang="en-US" dirty="0"/>
                <a:t>Hours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3F294EF-925A-4BFD-BE02-FA2B227CB7C9}"/>
                </a:ext>
              </a:extLst>
            </p:cNvPr>
            <p:cNvSpPr txBox="1"/>
            <p:nvPr/>
          </p:nvSpPr>
          <p:spPr>
            <a:xfrm rot="16200000">
              <a:off x="5976202" y="-414568"/>
              <a:ext cx="461665" cy="5264331"/>
            </a:xfrm>
            <a:prstGeom prst="rect">
              <a:avLst/>
            </a:prstGeom>
            <a:solidFill>
              <a:schemeClr val="bg1"/>
            </a:solidFill>
          </p:spPr>
          <p:txBody>
            <a:bodyPr vert="eaVert" wrap="square" rtlCol="0">
              <a:spAutoFit/>
            </a:bodyPr>
            <a:lstStyle/>
            <a:p>
              <a:pPr algn="ctr"/>
              <a:endParaRPr lang="en-US" dirty="0"/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DF85B524-66FD-4AF8-B73F-07F5D5002B1F}"/>
                </a:ext>
              </a:extLst>
            </p:cNvPr>
            <p:cNvGrpSpPr/>
            <p:nvPr/>
          </p:nvGrpSpPr>
          <p:grpSpPr>
            <a:xfrm>
              <a:off x="3448594" y="2448430"/>
              <a:ext cx="5730240" cy="3370147"/>
              <a:chOff x="3448594" y="2448430"/>
              <a:chExt cx="5730240" cy="3370147"/>
            </a:xfrm>
          </p:grpSpPr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E2578CC4-154B-4903-B563-B6B1101CF646}"/>
                  </a:ext>
                </a:extLst>
              </p:cNvPr>
              <p:cNvSpPr/>
              <p:nvPr/>
            </p:nvSpPr>
            <p:spPr>
              <a:xfrm>
                <a:off x="3448594" y="2448431"/>
                <a:ext cx="992777" cy="3370146"/>
              </a:xfrm>
              <a:prstGeom prst="rect">
                <a:avLst/>
              </a:prstGeom>
              <a:noFill/>
              <a:ln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1" name="Rectangle 10">
                <a:extLst>
                  <a:ext uri="{FF2B5EF4-FFF2-40B4-BE49-F238E27FC236}">
                    <a16:creationId xmlns:a16="http://schemas.microsoft.com/office/drawing/2014/main" id="{B405F98B-8C14-4A32-AD30-DB1B413D3573}"/>
                  </a:ext>
                </a:extLst>
              </p:cNvPr>
              <p:cNvSpPr/>
              <p:nvPr/>
            </p:nvSpPr>
            <p:spPr>
              <a:xfrm>
                <a:off x="7295718" y="2448430"/>
                <a:ext cx="1883116" cy="3370146"/>
              </a:xfrm>
              <a:prstGeom prst="rect">
                <a:avLst/>
              </a:prstGeom>
              <a:noFill/>
              <a:ln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9208918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6A0CCE-3B65-490E-9C89-14EA8CC23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Traffic Flow During Rush Hours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B692B5F-46C1-4844-BE50-E5B8E29513C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1600" y="1691640"/>
            <a:ext cx="9468383" cy="502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081080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49281309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57872411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6AFBB8-1084-40B3-B940-43A4CD0EDC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Stations Clusters Using K-Mean</a:t>
            </a:r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076F02B2-A8E9-4AE7-9245-86CFBAED144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82051449"/>
              </p:ext>
            </p:extLst>
          </p:nvPr>
        </p:nvGraphicFramePr>
        <p:xfrm>
          <a:off x="209550" y="2637761"/>
          <a:ext cx="6496048" cy="21031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24012">
                  <a:extLst>
                    <a:ext uri="{9D8B030D-6E8A-4147-A177-3AD203B41FA5}">
                      <a16:colId xmlns:a16="http://schemas.microsoft.com/office/drawing/2014/main" val="345951276"/>
                    </a:ext>
                  </a:extLst>
                </a:gridCol>
                <a:gridCol w="1624012">
                  <a:extLst>
                    <a:ext uri="{9D8B030D-6E8A-4147-A177-3AD203B41FA5}">
                      <a16:colId xmlns:a16="http://schemas.microsoft.com/office/drawing/2014/main" val="1599515053"/>
                    </a:ext>
                  </a:extLst>
                </a:gridCol>
                <a:gridCol w="1624012">
                  <a:extLst>
                    <a:ext uri="{9D8B030D-6E8A-4147-A177-3AD203B41FA5}">
                      <a16:colId xmlns:a16="http://schemas.microsoft.com/office/drawing/2014/main" val="2195790168"/>
                    </a:ext>
                  </a:extLst>
                </a:gridCol>
                <a:gridCol w="1624012">
                  <a:extLst>
                    <a:ext uri="{9D8B030D-6E8A-4147-A177-3AD203B41FA5}">
                      <a16:colId xmlns:a16="http://schemas.microsoft.com/office/drawing/2014/main" val="1615169416"/>
                    </a:ext>
                  </a:extLst>
                </a:gridCol>
              </a:tblGrid>
              <a:tr h="552911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ation </a:t>
                      </a:r>
                    </a:p>
                    <a:p>
                      <a:pPr algn="ctr"/>
                      <a:r>
                        <a:rPr lang="en-US" dirty="0"/>
                        <a:t>Cluster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Avg Hourly Ridership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Avg Travel</a:t>
                      </a:r>
                    </a:p>
                    <a:p>
                      <a:pPr algn="ctr"/>
                      <a:r>
                        <a:rPr lang="en-US" dirty="0"/>
                        <a:t>Dist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ercent</a:t>
                      </a:r>
                    </a:p>
                    <a:p>
                      <a:pPr algn="ctr"/>
                      <a:r>
                        <a:rPr lang="en-US" dirty="0"/>
                        <a:t> Us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2508083"/>
                  </a:ext>
                </a:extLst>
              </a:tr>
              <a:tr h="315949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43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11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61403679"/>
                  </a:ext>
                </a:extLst>
              </a:tr>
              <a:tr h="315949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2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63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0355250"/>
                  </a:ext>
                </a:extLst>
              </a:tr>
              <a:tr h="315949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6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3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071067"/>
                  </a:ext>
                </a:extLst>
              </a:tr>
              <a:tr h="315949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6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0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78793697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DDCC687F-37F9-4022-840F-B0D2D6909D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38950" y="2247236"/>
            <a:ext cx="5267325" cy="3124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59576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EE53F7-E7C1-43A9-ADD9-04E6381B62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19928"/>
            <a:ext cx="10058400" cy="1450757"/>
          </a:xfrm>
        </p:spPr>
        <p:txBody>
          <a:bodyPr>
            <a:normAutofit/>
          </a:bodyPr>
          <a:lstStyle/>
          <a:p>
            <a:r>
              <a:rPr lang="en-US" sz="4000" dirty="0"/>
              <a:t>Cluster Map in Tableau</a:t>
            </a:r>
          </a:p>
        </p:txBody>
      </p:sp>
      <p:pic>
        <p:nvPicPr>
          <p:cNvPr id="16" name="Content Placeholder 15">
            <a:extLst>
              <a:ext uri="{FF2B5EF4-FFF2-40B4-BE49-F238E27FC236}">
                <a16:creationId xmlns:a16="http://schemas.microsoft.com/office/drawing/2014/main" id="{9E08EA15-CA09-4271-9115-B2B8B0C4D3E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71600" y="1645920"/>
            <a:ext cx="8369085" cy="50292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32F0DA8A-9907-4238-8A8A-FCE8BED5BD2B}"/>
              </a:ext>
            </a:extLst>
          </p:cNvPr>
          <p:cNvSpPr txBox="1"/>
          <p:nvPr/>
        </p:nvSpPr>
        <p:spPr>
          <a:xfrm>
            <a:off x="9835936" y="3350895"/>
            <a:ext cx="23560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e Tableau For Details </a:t>
            </a:r>
          </a:p>
        </p:txBody>
      </p:sp>
    </p:spTree>
    <p:extLst>
      <p:ext uri="{BB962C8B-B14F-4D97-AF65-F5344CB8AC3E}">
        <p14:creationId xmlns:p14="http://schemas.microsoft.com/office/powerpoint/2010/main" val="17334590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0FC70B0-5D08-4BDC-852E-3FD7214DA9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0" y="233362"/>
            <a:ext cx="5343525" cy="6391275"/>
          </a:xfrm>
        </p:spPr>
        <p:txBody>
          <a:bodyPr numCol="1">
            <a:normAutofit/>
          </a:bodyPr>
          <a:lstStyle/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/>
              <a:t>Background 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What Is Citi Bike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Public </a:t>
            </a:r>
            <a:r>
              <a:rPr lang="en-US" altLang="zh-CN" dirty="0">
                <a:latin typeface="+mj-lt"/>
              </a:rPr>
              <a:t>Transportation</a:t>
            </a:r>
            <a:r>
              <a:rPr lang="en-US" dirty="0">
                <a:latin typeface="+mj-lt"/>
              </a:rPr>
              <a:t> in NYC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+mj-lt"/>
            </a:endParaRP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/>
              <a:t>Mission </a:t>
            </a: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Project </a:t>
            </a:r>
            <a:r>
              <a:rPr lang="en-US" altLang="zh-CN" dirty="0">
                <a:latin typeface="+mj-lt"/>
              </a:rPr>
              <a:t>Goal and Scope</a:t>
            </a:r>
            <a:endParaRPr lang="en-US" dirty="0">
              <a:latin typeface="+mj-lt"/>
            </a:endParaRP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Resources </a:t>
            </a: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+mj-lt"/>
            </a:endParaRP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/>
              <a:t>Analysis 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Factors that Impact Bike Ridership 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Station Dynamics 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+mj-lt"/>
            </a:endParaRP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/>
              <a:t>Conclusion</a:t>
            </a: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altLang="zh-CN" dirty="0">
                <a:latin typeface="+mj-lt"/>
              </a:rPr>
              <a:t>Summary </a:t>
            </a:r>
            <a:endParaRPr lang="en-US" dirty="0">
              <a:latin typeface="+mj-lt"/>
            </a:endParaRP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Recommendations</a:t>
            </a:r>
          </a:p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+mj-lt"/>
              </a:rPr>
              <a:t>Questions</a:t>
            </a:r>
            <a:endParaRPr lang="en-US" sz="1800" dirty="0">
              <a:latin typeface="+mj-lt"/>
            </a:endParaRP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10A5C30F-185D-413F-9005-B41DD0FA09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27" name="Rectangle 26" descr="Handshake">
            <a:extLst>
              <a:ext uri="{FF2B5EF4-FFF2-40B4-BE49-F238E27FC236}">
                <a16:creationId xmlns:a16="http://schemas.microsoft.com/office/drawing/2014/main" id="{BEF34E1C-44B9-4EFC-8126-D51A3EA9BF40}"/>
              </a:ext>
            </a:extLst>
          </p:cNvPr>
          <p:cNvSpPr/>
          <p:nvPr/>
        </p:nvSpPr>
        <p:spPr>
          <a:xfrm>
            <a:off x="5416375" y="723900"/>
            <a:ext cx="499424" cy="499424"/>
          </a:xfrm>
          <a:prstGeom prst="rect">
            <a:avLst/>
          </a:prstGeom>
          <a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8" name="Rectangle 27" descr="Bar chart">
            <a:extLst>
              <a:ext uri="{FF2B5EF4-FFF2-40B4-BE49-F238E27FC236}">
                <a16:creationId xmlns:a16="http://schemas.microsoft.com/office/drawing/2014/main" id="{7810A56D-FB7B-429D-835B-7A0CD7BCB96A}"/>
              </a:ext>
            </a:extLst>
          </p:cNvPr>
          <p:cNvSpPr/>
          <p:nvPr/>
        </p:nvSpPr>
        <p:spPr>
          <a:xfrm>
            <a:off x="5416375" y="3499564"/>
            <a:ext cx="499424" cy="499424"/>
          </a:xfrm>
          <a:prstGeom prst="rect">
            <a:avLst/>
          </a:prstGeom>
          <a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2">
              <a:hueOff val="-332956"/>
              <a:satOff val="-147"/>
              <a:lumOff val="392"/>
              <a:alphaOff val="0"/>
            </a:schemeClr>
          </a:effectRef>
          <a:fontRef idx="minor">
            <a:schemeClr val="lt1"/>
          </a:fontRef>
        </p:style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53362E3F-8FF7-4BA2-9F82-AFB025B91F2A}"/>
              </a:ext>
            </a:extLst>
          </p:cNvPr>
          <p:cNvGrpSpPr/>
          <p:nvPr/>
        </p:nvGrpSpPr>
        <p:grpSpPr>
          <a:xfrm>
            <a:off x="5416375" y="2243559"/>
            <a:ext cx="486912" cy="499424"/>
            <a:chOff x="5558259" y="2891259"/>
            <a:chExt cx="1075482" cy="1075482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FAFDC10B-12EB-405F-86C5-84D287FE95D7}"/>
                </a:ext>
              </a:extLst>
            </p:cNvPr>
            <p:cNvSpPr/>
            <p:nvPr/>
          </p:nvSpPr>
          <p:spPr>
            <a:xfrm>
              <a:off x="5558259" y="2891259"/>
              <a:ext cx="1075482" cy="1075482"/>
            </a:xfrm>
            <a:prstGeom prst="ellipse">
              <a:avLst/>
            </a:prstGeom>
            <a:solidFill>
              <a:schemeClr val="accent2"/>
            </a:solidFill>
          </p:spPr>
          <p:style>
            <a:lnRef idx="0">
              <a:schemeClr val="lt1">
                <a:alpha val="0"/>
                <a:hueOff val="0"/>
                <a:satOff val="0"/>
                <a:lumOff val="0"/>
                <a:alphaOff val="0"/>
              </a:schemeClr>
            </a:lnRef>
            <a:fillRef idx="1">
              <a:schemeClr val="accent3">
                <a:hueOff val="0"/>
                <a:satOff val="0"/>
                <a:lumOff val="0"/>
                <a:alphaOff val="0"/>
              </a:schemeClr>
            </a:fillRef>
            <a:effectRef idx="0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/>
          </p:style>
        </p:sp>
        <p:sp>
          <p:nvSpPr>
            <p:cNvPr id="12" name="Rectangle 11" descr="Bullseye">
              <a:extLst>
                <a:ext uri="{FF2B5EF4-FFF2-40B4-BE49-F238E27FC236}">
                  <a16:creationId xmlns:a16="http://schemas.microsoft.com/office/drawing/2014/main" id="{E2DB6D31-E656-44F7-8714-8F0C062CEC9E}"/>
                </a:ext>
              </a:extLst>
            </p:cNvPr>
            <p:cNvSpPr/>
            <p:nvPr/>
          </p:nvSpPr>
          <p:spPr>
            <a:xfrm>
              <a:off x="5787460" y="3120460"/>
              <a:ext cx="617080" cy="617080"/>
            </a:xfrm>
            <a:prstGeom prst="rect">
              <a:avLst/>
            </a:prstGeom>
            <a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bg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DF6309DF-1A10-432F-898C-F543F0A2AB9F}"/>
              </a:ext>
            </a:extLst>
          </p:cNvPr>
          <p:cNvGrpSpPr/>
          <p:nvPr/>
        </p:nvGrpSpPr>
        <p:grpSpPr>
          <a:xfrm>
            <a:off x="5384704" y="4912790"/>
            <a:ext cx="518583" cy="499424"/>
            <a:chOff x="5558259" y="2891259"/>
            <a:chExt cx="1075482" cy="1075482"/>
          </a:xfrm>
        </p:grpSpPr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E79E89D1-0699-413C-BC20-0C71F6F249AA}"/>
                </a:ext>
              </a:extLst>
            </p:cNvPr>
            <p:cNvSpPr/>
            <p:nvPr/>
          </p:nvSpPr>
          <p:spPr>
            <a:xfrm>
              <a:off x="5558259" y="2891259"/>
              <a:ext cx="1075482" cy="1075482"/>
            </a:xfrm>
            <a:prstGeom prst="ellipse">
              <a:avLst/>
            </a:prstGeom>
            <a:solidFill>
              <a:schemeClr val="accent2"/>
            </a:solidFill>
          </p:spPr>
          <p:style>
            <a:lnRef idx="0">
              <a:schemeClr val="lt1">
                <a:alpha val="0"/>
                <a:hueOff val="0"/>
                <a:satOff val="0"/>
                <a:lumOff val="0"/>
                <a:alphaOff val="0"/>
              </a:schemeClr>
            </a:lnRef>
            <a:fillRef idx="1">
              <a:schemeClr val="accent4">
                <a:hueOff val="0"/>
                <a:satOff val="0"/>
                <a:lumOff val="0"/>
                <a:alphaOff val="0"/>
              </a:schemeClr>
            </a:fillRef>
            <a:effectRef idx="0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/>
          </p:style>
        </p:sp>
        <p:sp>
          <p:nvSpPr>
            <p:cNvPr id="14" name="Rectangle 13" descr="Head with Gears">
              <a:extLst>
                <a:ext uri="{FF2B5EF4-FFF2-40B4-BE49-F238E27FC236}">
                  <a16:creationId xmlns:a16="http://schemas.microsoft.com/office/drawing/2014/main" id="{F1F9C2C0-2592-48F6-85D7-EDC986D245D3}"/>
                </a:ext>
              </a:extLst>
            </p:cNvPr>
            <p:cNvSpPr/>
            <p:nvPr/>
          </p:nvSpPr>
          <p:spPr>
            <a:xfrm>
              <a:off x="5787460" y="3120460"/>
              <a:ext cx="617080" cy="617080"/>
            </a:xfrm>
            <a:prstGeom prst="rect">
              <a:avLst/>
            </a:prstGeom>
            <a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bg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</p:grpSp>
    </p:spTree>
    <p:extLst>
      <p:ext uri="{BB962C8B-B14F-4D97-AF65-F5344CB8AC3E}">
        <p14:creationId xmlns:p14="http://schemas.microsoft.com/office/powerpoint/2010/main" val="2667318545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613E22E-01DB-414D-9831-64C0E2A8B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nalysis</a:t>
            </a:r>
          </a:p>
        </p:txBody>
      </p:sp>
      <p:graphicFrame>
        <p:nvGraphicFramePr>
          <p:cNvPr id="18" name="Content Placeholder 7" descr="This is agenda slide with icons and texts">
            <a:extLst>
              <a:ext uri="{FF2B5EF4-FFF2-40B4-BE49-F238E27FC236}">
                <a16:creationId xmlns:a16="http://schemas.microsoft.com/office/drawing/2014/main" id="{8DB202CD-67CB-4F55-926C-FEA75DA63B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21946570"/>
              </p:ext>
            </p:extLst>
          </p:nvPr>
        </p:nvGraphicFramePr>
        <p:xfrm>
          <a:off x="1096963" y="2098515"/>
          <a:ext cx="10058400" cy="37860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31880125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85D03A-4401-479E-A699-64E64503A6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chine Learning</a:t>
            </a:r>
          </a:p>
        </p:txBody>
      </p:sp>
      <p:pic>
        <p:nvPicPr>
          <p:cNvPr id="13" name="Content Placeholder 12" descr="Computer">
            <a:extLst>
              <a:ext uri="{FF2B5EF4-FFF2-40B4-BE49-F238E27FC236}">
                <a16:creationId xmlns:a16="http://schemas.microsoft.com/office/drawing/2014/main" id="{04689C79-8381-1846-A8B2-DD290E146B4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525645" y="2514600"/>
            <a:ext cx="914400" cy="914400"/>
          </a:xfrm>
        </p:spPr>
      </p:pic>
      <p:sp>
        <p:nvSpPr>
          <p:cNvPr id="14" name="Content Placeholder 6">
            <a:extLst>
              <a:ext uri="{FF2B5EF4-FFF2-40B4-BE49-F238E27FC236}">
                <a16:creationId xmlns:a16="http://schemas.microsoft.com/office/drawing/2014/main" id="{B688EFCF-4977-B646-B917-7D5816D5618E}"/>
              </a:ext>
            </a:extLst>
          </p:cNvPr>
          <p:cNvSpPr txBox="1">
            <a:spLocks/>
          </p:cNvSpPr>
          <p:nvPr/>
        </p:nvSpPr>
        <p:spPr>
          <a:xfrm>
            <a:off x="5440045" y="983117"/>
            <a:ext cx="6587369" cy="3977366"/>
          </a:xfrm>
          <a:prstGeom prst="rect">
            <a:avLst/>
          </a:prstGeom>
        </p:spPr>
        <p:txBody>
          <a:bodyPr vert="horz" lIns="0" tIns="45720" rIns="0" bIns="45720" rtlCol="0" anchor="ctr">
            <a:normAutofit/>
          </a:bodyPr>
          <a:lstStyle>
            <a:lvl1pPr marL="266700" indent="-2667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§"/>
              <a:defRPr sz="2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dirty="0"/>
              <a:t> Regression</a:t>
            </a:r>
          </a:p>
          <a:p>
            <a:pPr lvl="2"/>
            <a:r>
              <a:rPr lang="en-US" sz="2000" dirty="0"/>
              <a:t> Predict </a:t>
            </a:r>
            <a:r>
              <a:rPr lang="en-US" altLang="zh-CN" sz="2000" dirty="0"/>
              <a:t>Hourly Checkout Count for the Top 200 Stations</a:t>
            </a:r>
          </a:p>
          <a:p>
            <a:pPr lvl="4"/>
            <a:r>
              <a:rPr lang="en-US" sz="2000" dirty="0"/>
              <a:t> </a:t>
            </a:r>
            <a:r>
              <a:rPr lang="en-US" sz="1800" dirty="0"/>
              <a:t>Linear Model (Lasso) </a:t>
            </a:r>
          </a:p>
          <a:p>
            <a:pPr lvl="4"/>
            <a:r>
              <a:rPr lang="en-US" sz="1800" dirty="0"/>
              <a:t> Tree Based Models (XGBoost and Gradient Boosting)</a:t>
            </a:r>
          </a:p>
          <a:p>
            <a:pPr lvl="4"/>
            <a:endParaRPr lang="en-US" sz="1800" dirty="0"/>
          </a:p>
          <a:p>
            <a:pPr marL="749808" lvl="4" indent="0">
              <a:buNone/>
            </a:pPr>
            <a:endParaRPr lang="en-US" sz="1800" dirty="0"/>
          </a:p>
          <a:p>
            <a:r>
              <a:rPr lang="en-US" sz="2800" dirty="0"/>
              <a:t> Binary Classification </a:t>
            </a:r>
          </a:p>
          <a:p>
            <a:pPr lvl="2"/>
            <a:r>
              <a:rPr lang="en-US" altLang="zh-CN" sz="2000" dirty="0"/>
              <a:t> Predict Whether a Station Would be High/Low Turnover</a:t>
            </a:r>
          </a:p>
          <a:p>
            <a:pPr lvl="4"/>
            <a:r>
              <a:rPr lang="en-US" altLang="zh-CN" sz="1800" dirty="0"/>
              <a:t>Tree Based Model (Random Forest) 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324076739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FC7D47-1D6E-4983-9E70-476B5C95F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Linear Model (Lasso)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C9751B72-541C-48B4-94B7-5A1ED0460AD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838200" y="1810512"/>
            <a:ext cx="6963406" cy="4572000"/>
          </a:xfrm>
          <a:prstGeom prst="rect">
            <a:avLst/>
          </a:prstGeom>
        </p:spPr>
      </p:pic>
      <p:sp>
        <p:nvSpPr>
          <p:cNvPr id="5" name="Content Placeholder 7">
            <a:extLst>
              <a:ext uri="{FF2B5EF4-FFF2-40B4-BE49-F238E27FC236}">
                <a16:creationId xmlns:a16="http://schemas.microsoft.com/office/drawing/2014/main" id="{24A938F0-3730-4E19-AA28-C822AC10589D}"/>
              </a:ext>
            </a:extLst>
          </p:cNvPr>
          <p:cNvSpPr txBox="1">
            <a:spLocks/>
          </p:cNvSpPr>
          <p:nvPr/>
        </p:nvSpPr>
        <p:spPr>
          <a:xfrm>
            <a:off x="7564755" y="2809875"/>
            <a:ext cx="4627245" cy="2883943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266700" indent="-2667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§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sz="2400" b="1" dirty="0">
                <a:latin typeface="+mj-lt"/>
              </a:rPr>
              <a:t>Feature Selection </a:t>
            </a:r>
          </a:p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altLang="zh-CN" sz="2400" b="1" dirty="0">
                <a:latin typeface="+mj-lt"/>
              </a:rPr>
              <a:t>Poor Performance </a:t>
            </a:r>
          </a:p>
          <a:p>
            <a:pPr marL="913321" lvl="3" indent="-342900">
              <a:buSzPct val="100000"/>
            </a:pPr>
            <a:r>
              <a:rPr lang="en-US" altLang="zh-CN" sz="2000" dirty="0">
                <a:latin typeface="+mj-lt"/>
              </a:rPr>
              <a:t>score: 33% on Test Data </a:t>
            </a:r>
          </a:p>
          <a:p>
            <a:pPr marL="913321" lvl="3" indent="-342900">
              <a:buSzPct val="100000"/>
            </a:pPr>
            <a:r>
              <a:rPr lang="en-US" altLang="zh-CN" sz="2000" dirty="0">
                <a:latin typeface="+mj-lt"/>
              </a:rPr>
              <a:t>Non-linear relationship between target and some features </a:t>
            </a:r>
          </a:p>
          <a:p>
            <a:pPr marL="913321" lvl="3" indent="-342900">
              <a:buSzPct val="100000"/>
            </a:pPr>
            <a:r>
              <a:rPr lang="en-US" altLang="zh-CN" sz="2000" dirty="0">
                <a:latin typeface="+mj-lt"/>
              </a:rPr>
              <a:t>Did not satisfy normal distribution assumption for linear model</a:t>
            </a:r>
          </a:p>
          <a:p>
            <a:pPr marL="570421" lvl="3" indent="0">
              <a:buFont typeface="Wingdings" panose="05000000000000000000" pitchFamily="2" charset="2"/>
              <a:buNone/>
            </a:pPr>
            <a:endParaRPr lang="en-US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91122259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8348F1-12E6-487F-846A-E9BC7AEB3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Tree Based Model (XGBoost) 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4C4F5DFC-3208-4700-A24E-E11041DF6EA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910801" y="1810815"/>
            <a:ext cx="6701069" cy="5029200"/>
          </a:xfrm>
          <a:prstGeom prst="rect">
            <a:avLst/>
          </a:prstGeom>
        </p:spPr>
      </p:pic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26DAFD75-DF3F-4E8C-823F-16C5DA3BC896}"/>
              </a:ext>
            </a:extLst>
          </p:cNvPr>
          <p:cNvSpPr txBox="1">
            <a:spLocks/>
          </p:cNvSpPr>
          <p:nvPr/>
        </p:nvSpPr>
        <p:spPr>
          <a:xfrm>
            <a:off x="7479030" y="2743200"/>
            <a:ext cx="4627245" cy="2883943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266700" indent="-2667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§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sz="2400" b="1" dirty="0">
                <a:latin typeface="+mj-lt"/>
              </a:rPr>
              <a:t>Feature Importance </a:t>
            </a:r>
          </a:p>
          <a:p>
            <a:pPr marL="913321" lvl="3" indent="-342900"/>
            <a:r>
              <a:rPr lang="en-US" sz="2000" dirty="0">
                <a:latin typeface="+mj-lt"/>
              </a:rPr>
              <a:t>Cluster and Commute </a:t>
            </a:r>
          </a:p>
          <a:p>
            <a:pPr marL="913321" lvl="3" indent="-342900"/>
            <a:r>
              <a:rPr lang="en-US" sz="2000" dirty="0">
                <a:latin typeface="+mj-lt"/>
              </a:rPr>
              <a:t>Dock Capacity, Average Temperature and Hour, Dock Location </a:t>
            </a:r>
          </a:p>
          <a:p>
            <a:pPr marL="913321" lvl="3" indent="-342900"/>
            <a:r>
              <a:rPr lang="en-US" sz="2000" dirty="0">
                <a:solidFill>
                  <a:schemeClr val="tx1"/>
                </a:solidFill>
                <a:latin typeface="+mj-lt"/>
                <a:hlinkClick r:id="rId4" action="ppaction://hlinksldjump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eather Conditions</a:t>
            </a:r>
            <a:endParaRPr lang="en-US" sz="2000" dirty="0">
              <a:solidFill>
                <a:schemeClr val="tx1"/>
              </a:solidFill>
              <a:latin typeface="+mj-lt"/>
            </a:endParaRPr>
          </a:p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altLang="zh-CN" sz="2400" b="1" dirty="0">
                <a:latin typeface="+mj-lt"/>
              </a:rPr>
              <a:t>Model Score: 80% on Test Data</a:t>
            </a:r>
          </a:p>
          <a:p>
            <a:pPr marL="570421" lvl="3" indent="0">
              <a:buFont typeface="Wingdings" panose="05000000000000000000" pitchFamily="2" charset="2"/>
              <a:buNone/>
            </a:pPr>
            <a:endParaRPr lang="en-US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51462214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B1FDE6-A65A-451A-9EE6-84C50B1E03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79" y="286603"/>
            <a:ext cx="10932795" cy="1450757"/>
          </a:xfrm>
        </p:spPr>
        <p:txBody>
          <a:bodyPr>
            <a:normAutofit/>
          </a:bodyPr>
          <a:lstStyle/>
          <a:p>
            <a:r>
              <a:rPr lang="en-US" sz="4000" dirty="0"/>
              <a:t>Random Forest For High/Low Turnover Classification 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98D034AC-172F-4440-988F-95A150EE8F1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14400" y="1810512"/>
            <a:ext cx="6522665" cy="5029200"/>
          </a:xfrm>
          <a:prstGeom prst="rect">
            <a:avLst/>
          </a:prstGeom>
        </p:spPr>
      </p:pic>
      <p:sp>
        <p:nvSpPr>
          <p:cNvPr id="5" name="Content Placeholder 7">
            <a:extLst>
              <a:ext uri="{FF2B5EF4-FFF2-40B4-BE49-F238E27FC236}">
                <a16:creationId xmlns:a16="http://schemas.microsoft.com/office/drawing/2014/main" id="{1B9BC133-9033-4A5F-9BAD-D97FDA69907C}"/>
              </a:ext>
            </a:extLst>
          </p:cNvPr>
          <p:cNvSpPr txBox="1">
            <a:spLocks/>
          </p:cNvSpPr>
          <p:nvPr/>
        </p:nvSpPr>
        <p:spPr>
          <a:xfrm>
            <a:off x="7488555" y="2745332"/>
            <a:ext cx="4608195" cy="2550567"/>
          </a:xfrm>
          <a:prstGeom prst="rect">
            <a:avLst/>
          </a:prstGeom>
        </p:spPr>
        <p:txBody>
          <a:bodyPr vert="horz" lIns="0" tIns="45720" rIns="0" bIns="45720" rtlCol="0">
            <a:normAutofit fontScale="92500"/>
          </a:bodyPr>
          <a:lstStyle>
            <a:lvl1pPr marL="266700" indent="-2667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§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430213" lvl="3" indent="-342900"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sz="2600" b="1" dirty="0">
                <a:latin typeface="+mj-lt"/>
              </a:rPr>
              <a:t>Similar Feature Importance </a:t>
            </a:r>
          </a:p>
          <a:p>
            <a:pPr marL="913321" lvl="3" indent="-342900"/>
            <a:r>
              <a:rPr lang="en-US" sz="2200" dirty="0">
                <a:latin typeface="+mj-lt"/>
              </a:rPr>
              <a:t>Commute, </a:t>
            </a:r>
            <a:r>
              <a:rPr lang="en-US" altLang="zh-CN" sz="2200" dirty="0">
                <a:latin typeface="+mj-lt"/>
              </a:rPr>
              <a:t>Hour, Average Temp</a:t>
            </a:r>
            <a:r>
              <a:rPr lang="en-US" sz="2200" dirty="0">
                <a:latin typeface="+mj-lt"/>
              </a:rPr>
              <a:t> </a:t>
            </a:r>
          </a:p>
          <a:p>
            <a:pPr marL="913321" lvl="3" indent="-342900"/>
            <a:r>
              <a:rPr lang="en-US" sz="2200" dirty="0">
                <a:latin typeface="+mj-lt"/>
              </a:rPr>
              <a:t>Max Temp, Cluster, Min Temp, Dock Capacity, Dock Location </a:t>
            </a:r>
          </a:p>
          <a:p>
            <a:pPr marL="913321" lvl="3" indent="-342900"/>
            <a:r>
              <a:rPr lang="en-US" sz="2200" dirty="0">
                <a:latin typeface="+mj-lt"/>
              </a:rPr>
              <a:t>Weather Conditions</a:t>
            </a:r>
          </a:p>
          <a:p>
            <a:pPr marL="430213" lvl="3" indent="-342900">
              <a:lnSpc>
                <a:spcPct val="110000"/>
              </a:lnSpc>
              <a:spcBef>
                <a:spcPts val="1200"/>
              </a:spcBef>
              <a:spcAft>
                <a:spcPts val="200"/>
              </a:spcAft>
              <a:buSzPct val="100000"/>
            </a:pPr>
            <a:r>
              <a:rPr lang="en-US" altLang="zh-CN" sz="2600" b="1" dirty="0">
                <a:latin typeface="+mj-lt"/>
              </a:rPr>
              <a:t>Model Accuracy: 79% on Test Data</a:t>
            </a:r>
            <a:endParaRPr lang="en-US" sz="2600" b="1" dirty="0">
              <a:latin typeface="+mj-lt"/>
            </a:endParaRPr>
          </a:p>
          <a:p>
            <a:pPr marL="913321" lvl="3" indent="-342900"/>
            <a:endParaRPr lang="en-US" sz="2000" dirty="0">
              <a:latin typeface="+mj-lt"/>
            </a:endParaRPr>
          </a:p>
          <a:p>
            <a:pPr marL="87313" lvl="3" indent="0">
              <a:spcBef>
                <a:spcPts val="1200"/>
              </a:spcBef>
              <a:spcAft>
                <a:spcPts val="200"/>
              </a:spcAft>
              <a:buSzPct val="100000"/>
              <a:buNone/>
            </a:pPr>
            <a:endParaRPr lang="en-US" altLang="zh-CN" sz="2400" b="1" dirty="0">
              <a:latin typeface="+mj-lt"/>
            </a:endParaRPr>
          </a:p>
          <a:p>
            <a:pPr marL="570421" lvl="3" indent="0">
              <a:buFont typeface="Wingdings" panose="05000000000000000000" pitchFamily="2" charset="2"/>
              <a:buNone/>
            </a:pPr>
            <a:endParaRPr lang="en-US" dirty="0">
              <a:latin typeface="+mj-lt"/>
            </a:endParaRPr>
          </a:p>
          <a:p>
            <a:pPr marL="87313" indent="0">
              <a:buNone/>
            </a:pPr>
            <a:endParaRPr lang="en-US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21966351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0D681D-B806-434D-8F8F-7B2685336A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94267" y="-129034"/>
            <a:ext cx="10058400" cy="1450757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2"/>
                </a:solidFill>
              </a:rPr>
              <a:t>Summary – Key Factor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6F4C91A-43EA-284E-931F-C1AF2F2CD174}"/>
              </a:ext>
            </a:extLst>
          </p:cNvPr>
          <p:cNvSpPr/>
          <p:nvPr/>
        </p:nvSpPr>
        <p:spPr>
          <a:xfrm>
            <a:off x="2214516" y="2173577"/>
            <a:ext cx="2092440" cy="496953"/>
          </a:xfrm>
          <a:prstGeom prst="rect">
            <a:avLst/>
          </a:pr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</p:sp>
      <p:pic>
        <p:nvPicPr>
          <p:cNvPr id="26" name="Picture Placeholder 7" descr="People are discussing something">
            <a:extLst>
              <a:ext uri="{FF2B5EF4-FFF2-40B4-BE49-F238E27FC236}">
                <a16:creationId xmlns:a16="http://schemas.microsoft.com/office/drawing/2014/main" id="{E5326DD2-62DD-F648-830D-01F0C22BDCDB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2618" r="12950"/>
          <a:stretch/>
        </p:blipFill>
        <p:spPr>
          <a:xfrm>
            <a:off x="0" y="0"/>
            <a:ext cx="4580077" cy="6857990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823A576C-0D72-5F46-A34B-8EEFB935EFF7}"/>
              </a:ext>
            </a:extLst>
          </p:cNvPr>
          <p:cNvSpPr/>
          <p:nvPr/>
        </p:nvSpPr>
        <p:spPr>
          <a:xfrm>
            <a:off x="6311503" y="1686689"/>
            <a:ext cx="2092440" cy="496953"/>
          </a:xfrm>
          <a:prstGeom prst="rect">
            <a:avLst/>
          </a:pr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C642A994-ED36-6941-8CA6-1A7B038147DD}"/>
              </a:ext>
            </a:extLst>
          </p:cNvPr>
          <p:cNvSpPr txBox="1"/>
          <p:nvPr/>
        </p:nvSpPr>
        <p:spPr>
          <a:xfrm>
            <a:off x="5518602" y="1888981"/>
            <a:ext cx="5770682" cy="557075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sz="2800" dirty="0">
              <a:solidFill>
                <a:schemeClr val="accent2"/>
              </a:solidFill>
            </a:endParaRPr>
          </a:p>
          <a:p>
            <a:pPr marL="914400" lvl="1" indent="-45720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altLang="zh-CN" sz="2400" dirty="0">
                <a:solidFill>
                  <a:schemeClr val="accent2"/>
                </a:solidFill>
              </a:rPr>
              <a:t>Which group does a station belong to</a:t>
            </a:r>
          </a:p>
          <a:p>
            <a:pPr marL="914400" lvl="1" indent="-45720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altLang="zh-CN" sz="2400" dirty="0">
                <a:solidFill>
                  <a:schemeClr val="accent2"/>
                </a:solidFill>
              </a:rPr>
              <a:t>Travel Hour (Rush hours or not?)</a:t>
            </a:r>
          </a:p>
          <a:p>
            <a:pPr marL="914400" lvl="1" indent="-45720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altLang="zh-CN" sz="2400" dirty="0">
                <a:solidFill>
                  <a:schemeClr val="accent2"/>
                </a:solidFill>
              </a:rPr>
              <a:t>Temperature (Time of the year) </a:t>
            </a:r>
          </a:p>
          <a:p>
            <a:pPr marL="914400" lvl="1" indent="-457200">
              <a:lnSpc>
                <a:spcPct val="200000"/>
              </a:lnSpc>
              <a:buFont typeface="Wingdings" panose="05000000000000000000" pitchFamily="2" charset="2"/>
              <a:buChar char="v"/>
            </a:pPr>
            <a:endParaRPr lang="en-US" altLang="zh-CN" sz="2400" dirty="0">
              <a:solidFill>
                <a:schemeClr val="accent2"/>
              </a:solidFill>
            </a:endParaRPr>
          </a:p>
          <a:p>
            <a:pPr marL="914400" lvl="1" indent="-457200">
              <a:lnSpc>
                <a:spcPct val="200000"/>
              </a:lnSpc>
              <a:buFont typeface="Wingdings" panose="05000000000000000000" pitchFamily="2" charset="2"/>
              <a:buChar char="v"/>
            </a:pPr>
            <a:endParaRPr lang="en-US" altLang="zh-CN" sz="2400" dirty="0">
              <a:solidFill>
                <a:schemeClr val="accent2"/>
              </a:solidFill>
            </a:endParaRPr>
          </a:p>
          <a:p>
            <a:pPr marL="914400" lvl="1" indent="-457200">
              <a:lnSpc>
                <a:spcPct val="200000"/>
              </a:lnSpc>
              <a:buFont typeface="Wingdings" panose="05000000000000000000" pitchFamily="2" charset="2"/>
              <a:buChar char="v"/>
            </a:pPr>
            <a:endParaRPr lang="en-US" altLang="zh-CN" sz="2400" dirty="0">
              <a:solidFill>
                <a:schemeClr val="accent2"/>
              </a:solidFill>
            </a:endParaRPr>
          </a:p>
          <a:p>
            <a:pPr marL="914400" lvl="1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endParaRPr lang="en-US" altLang="zh-CN" sz="2400" dirty="0">
              <a:solidFill>
                <a:schemeClr val="accent2"/>
              </a:solidFill>
            </a:endParaRPr>
          </a:p>
          <a:p>
            <a:pPr marL="914400" lvl="1" indent="-457200">
              <a:buFont typeface="Arial" panose="020B0604020202020204" pitchFamily="34" charset="0"/>
              <a:buChar char="•"/>
            </a:pPr>
            <a:endParaRPr lang="en-US" sz="280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9399376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6">
            <a:extLst>
              <a:ext uri="{FF2B5EF4-FFF2-40B4-BE49-F238E27FC236}">
                <a16:creationId xmlns:a16="http://schemas.microsoft.com/office/drawing/2014/main" id="{4262167B-3869-3547-86A3-E88498E7A668}"/>
              </a:ext>
            </a:extLst>
          </p:cNvPr>
          <p:cNvSpPr txBox="1">
            <a:spLocks/>
          </p:cNvSpPr>
          <p:nvPr/>
        </p:nvSpPr>
        <p:spPr>
          <a:xfrm>
            <a:off x="1249678" y="397081"/>
            <a:ext cx="8951225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sz="4000" dirty="0"/>
              <a:t>Recommendations – Demand &gt; Supply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E3CCB126-54C6-1A40-8B4F-338CFA678631}"/>
              </a:ext>
            </a:extLst>
          </p:cNvPr>
          <p:cNvSpPr/>
          <p:nvPr/>
        </p:nvSpPr>
        <p:spPr>
          <a:xfrm>
            <a:off x="4836158" y="2735727"/>
            <a:ext cx="2574175" cy="72439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/>
              <a:t>Rebalancing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B6BDA1FF-8C9B-3844-8AA4-D83FC8BE58FC}"/>
              </a:ext>
            </a:extLst>
          </p:cNvPr>
          <p:cNvSpPr/>
          <p:nvPr/>
        </p:nvSpPr>
        <p:spPr>
          <a:xfrm>
            <a:off x="4836158" y="4215931"/>
            <a:ext cx="2574175" cy="72439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/>
              <a:t>New Stations</a:t>
            </a:r>
          </a:p>
        </p:txBody>
      </p:sp>
      <p:sp>
        <p:nvSpPr>
          <p:cNvPr id="18" name="Content Placeholder 8">
            <a:extLst>
              <a:ext uri="{FF2B5EF4-FFF2-40B4-BE49-F238E27FC236}">
                <a16:creationId xmlns:a16="http://schemas.microsoft.com/office/drawing/2014/main" id="{5FE2FF04-355A-2C4A-A10C-DDF6956E350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691122" y="2986140"/>
            <a:ext cx="4500878" cy="44286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1800" dirty="0">
                <a:latin typeface="+mj-lt"/>
              </a:rPr>
              <a:t>Future </a:t>
            </a:r>
            <a:r>
              <a:rPr lang="en-US" altLang="zh-CN" sz="1800" dirty="0">
                <a:latin typeface="+mj-lt"/>
              </a:rPr>
              <a:t>study on Citi Bike rebalancing efficiency</a:t>
            </a:r>
            <a:endParaRPr lang="en-US" sz="1800" dirty="0">
              <a:latin typeface="+mj-lt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6F6AF0D-95FA-4C6D-8FBF-ADDAF5679A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02343" y="2643531"/>
            <a:ext cx="2133600" cy="2428875"/>
          </a:xfrm>
          <a:prstGeom prst="rect">
            <a:avLst/>
          </a:prstGeom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132F1483-5D1E-4560-9007-4B3087E14EED}"/>
              </a:ext>
            </a:extLst>
          </p:cNvPr>
          <p:cNvCxnSpPr/>
          <p:nvPr/>
        </p:nvCxnSpPr>
        <p:spPr>
          <a:xfrm flipV="1">
            <a:off x="3667760" y="3233052"/>
            <a:ext cx="904240" cy="44422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74E4D030-EF94-43B5-865D-DC20C29B903D}"/>
              </a:ext>
            </a:extLst>
          </p:cNvPr>
          <p:cNvCxnSpPr>
            <a:cxnSpLocks/>
          </p:cNvCxnSpPr>
          <p:nvPr/>
        </p:nvCxnSpPr>
        <p:spPr>
          <a:xfrm>
            <a:off x="3667760" y="3677272"/>
            <a:ext cx="904240" cy="57912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Content Placeholder 8">
            <a:extLst>
              <a:ext uri="{FF2B5EF4-FFF2-40B4-BE49-F238E27FC236}">
                <a16:creationId xmlns:a16="http://schemas.microsoft.com/office/drawing/2014/main" id="{DFEC412A-ABAD-47C0-8445-6959C11D1B1B}"/>
              </a:ext>
            </a:extLst>
          </p:cNvPr>
          <p:cNvSpPr txBox="1">
            <a:spLocks/>
          </p:cNvSpPr>
          <p:nvPr/>
        </p:nvSpPr>
        <p:spPr>
          <a:xfrm>
            <a:off x="7759113" y="4439272"/>
            <a:ext cx="4168725" cy="736282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266700" indent="-2667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Wingdings" panose="05000000000000000000" pitchFamily="2" charset="2"/>
              <a:buChar char="§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1800" dirty="0">
                <a:latin typeface="+mj-lt"/>
              </a:rPr>
              <a:t>Areas with low subway coverage </a:t>
            </a:r>
          </a:p>
        </p:txBody>
      </p:sp>
    </p:spTree>
    <p:extLst>
      <p:ext uri="{BB962C8B-B14F-4D97-AF65-F5344CB8AC3E}">
        <p14:creationId xmlns:p14="http://schemas.microsoft.com/office/powerpoint/2010/main" val="1643061409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574235-6870-4818-B706-BA68D78E20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Recommendations – Demand &lt; Supply 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E9A7243B-23C1-40FF-955D-4468F50DDAAF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473496227"/>
              </p:ext>
            </p:extLst>
          </p:nvPr>
        </p:nvGraphicFramePr>
        <p:xfrm>
          <a:off x="558800" y="2235201"/>
          <a:ext cx="5267325" cy="36337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9" name="Content Placeholder 8">
            <a:extLst>
              <a:ext uri="{FF2B5EF4-FFF2-40B4-BE49-F238E27FC236}">
                <a16:creationId xmlns:a16="http://schemas.microsoft.com/office/drawing/2014/main" id="{A28DE011-54E7-4CDC-8F77-AB569F05642E}"/>
              </a:ext>
            </a:extLst>
          </p:cNvPr>
          <p:cNvGraphicFramePr>
            <a:graphicFrameLocks noGrp="1"/>
          </p:cNvGraphicFramePr>
          <p:nvPr>
            <p:ph sz="quarter" idx="4"/>
            <p:extLst>
              <p:ext uri="{D42A27DB-BD31-4B8C-83A1-F6EECF244321}">
                <p14:modId xmlns:p14="http://schemas.microsoft.com/office/powerpoint/2010/main" val="2400253977"/>
              </p:ext>
            </p:extLst>
          </p:nvPr>
        </p:nvGraphicFramePr>
        <p:xfrm>
          <a:off x="6365877" y="2458721"/>
          <a:ext cx="4879973" cy="34102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3477355029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813406-B96E-4A39-856E-59C2CE0DC7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Future Expansion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8B876C6-DA43-4B5B-9772-128B63BA903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838960" y="2057400"/>
            <a:ext cx="4639736" cy="736282"/>
          </a:xfrm>
        </p:spPr>
        <p:txBody>
          <a:bodyPr/>
          <a:lstStyle/>
          <a:p>
            <a:r>
              <a:rPr lang="en-US" dirty="0"/>
              <a:t>Expansion in 2017 and 2019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EB3F171A-3F9E-498A-9CB7-61EBD897F71C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1688549" y="2958273"/>
            <a:ext cx="2140983" cy="2517967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90BCAD5-B1C9-44FD-8B71-BD3B08F1309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7257624" y="2057400"/>
            <a:ext cx="4639736" cy="736282"/>
          </a:xfrm>
        </p:spPr>
        <p:txBody>
          <a:bodyPr/>
          <a:lstStyle/>
          <a:p>
            <a:r>
              <a:rPr lang="en-US" dirty="0"/>
              <a:t>Future Expansio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7AF984B-2BB2-40ED-9AAB-F61F3BFB7EA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42531" y="2958273"/>
            <a:ext cx="2287425" cy="2517967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C86576F6-100F-4D84-83A7-48245104F3CB}"/>
              </a:ext>
            </a:extLst>
          </p:cNvPr>
          <p:cNvGrpSpPr/>
          <p:nvPr/>
        </p:nvGrpSpPr>
        <p:grpSpPr>
          <a:xfrm>
            <a:off x="7363942" y="2958273"/>
            <a:ext cx="2672843" cy="2517968"/>
            <a:chOff x="7363942" y="2958273"/>
            <a:chExt cx="2672843" cy="251796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C82807C2-A042-4A2E-93D1-3EDA2C7FC24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363942" y="2958273"/>
              <a:ext cx="2672843" cy="2517968"/>
            </a:xfrm>
            <a:prstGeom prst="rect">
              <a:avLst/>
            </a:prstGeom>
          </p:spPr>
        </p:pic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C27DB3D0-9291-4572-8641-C77F7E6DA5A6}"/>
                </a:ext>
              </a:extLst>
            </p:cNvPr>
            <p:cNvSpPr/>
            <p:nvPr/>
          </p:nvSpPr>
          <p:spPr>
            <a:xfrm>
              <a:off x="8747760" y="3667760"/>
              <a:ext cx="1216606" cy="115824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48720114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9" descr="A group of people posing for the camera&#10;">
            <a:extLst>
              <a:ext uri="{FF2B5EF4-FFF2-40B4-BE49-F238E27FC236}">
                <a16:creationId xmlns:a16="http://schemas.microsoft.com/office/drawing/2014/main" id="{FE29A60B-F92D-448D-AF64-D6C4ECF97D1F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6912" b="6912"/>
          <a:stretch/>
        </p:blipFill>
        <p:spPr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3099A173-1A6A-43F6-861F-12831131C1C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629400" y="271272"/>
            <a:ext cx="4526280" cy="3227514"/>
          </a:xfrm>
        </p:spPr>
        <p:txBody>
          <a:bodyPr/>
          <a:lstStyle/>
          <a:p>
            <a:r>
              <a:rPr lang="en-US" dirty="0"/>
              <a:t>Thank you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8B64A703-5499-4905-A006-851C448A302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629400" y="3827780"/>
            <a:ext cx="4526280" cy="1279652"/>
          </a:xfrm>
        </p:spPr>
        <p:txBody>
          <a:bodyPr/>
          <a:lstStyle/>
          <a:p>
            <a:r>
              <a:rPr lang="en-US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743443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391097BE-A044-49F5-B5CA-AE183B9565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0526" y="1885125"/>
            <a:ext cx="3770508" cy="2093975"/>
          </a:xfrm>
        </p:spPr>
        <p:txBody>
          <a:bodyPr/>
          <a:lstStyle/>
          <a:p>
            <a:r>
              <a:rPr lang="en-US" dirty="0"/>
              <a:t>About Citi Bik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411E9392-71EA-4293-909F-1FE7DD38E3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zh-CN" dirty="0"/>
              <a:t>History</a:t>
            </a:r>
          </a:p>
          <a:p>
            <a:r>
              <a:rPr lang="en-US" dirty="0"/>
              <a:t>Operation </a:t>
            </a:r>
          </a:p>
          <a:p>
            <a:r>
              <a:rPr lang="en-US" dirty="0"/>
              <a:t>Business Trend</a:t>
            </a:r>
          </a:p>
        </p:txBody>
      </p:sp>
      <p:grpSp>
        <p:nvGrpSpPr>
          <p:cNvPr id="10" name="Group 9" descr="Info">
            <a:extLst>
              <a:ext uri="{FF2B5EF4-FFF2-40B4-BE49-F238E27FC236}">
                <a16:creationId xmlns:a16="http://schemas.microsoft.com/office/drawing/2014/main" id="{04EACC33-3BBF-4195-8927-841FEBB364AD}"/>
              </a:ext>
            </a:extLst>
          </p:cNvPr>
          <p:cNvGrpSpPr/>
          <p:nvPr/>
        </p:nvGrpSpPr>
        <p:grpSpPr>
          <a:xfrm>
            <a:off x="4637454" y="2530474"/>
            <a:ext cx="803276" cy="803276"/>
            <a:chOff x="4914764" y="3319462"/>
            <a:chExt cx="619125" cy="619125"/>
          </a:xfrm>
          <a:solidFill>
            <a:schemeClr val="bg1"/>
          </a:solidFill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400D0FC6-FE6C-422D-87EC-3F2A40F92771}"/>
                </a:ext>
              </a:extLst>
            </p:cNvPr>
            <p:cNvSpPr/>
            <p:nvPr/>
          </p:nvSpPr>
          <p:spPr>
            <a:xfrm>
              <a:off x="4914764" y="3319462"/>
              <a:ext cx="619125" cy="619125"/>
            </a:xfrm>
            <a:custGeom>
              <a:avLst/>
              <a:gdLst>
                <a:gd name="connsiteX0" fmla="*/ 309563 w 619125"/>
                <a:gd name="connsiteY0" fmla="*/ 0 h 619125"/>
                <a:gd name="connsiteX1" fmla="*/ 0 w 619125"/>
                <a:gd name="connsiteY1" fmla="*/ 309563 h 619125"/>
                <a:gd name="connsiteX2" fmla="*/ 309563 w 619125"/>
                <a:gd name="connsiteY2" fmla="*/ 619125 h 619125"/>
                <a:gd name="connsiteX3" fmla="*/ 619125 w 619125"/>
                <a:gd name="connsiteY3" fmla="*/ 309563 h 619125"/>
                <a:gd name="connsiteX4" fmla="*/ 309563 w 619125"/>
                <a:gd name="connsiteY4" fmla="*/ 0 h 619125"/>
                <a:gd name="connsiteX5" fmla="*/ 309563 w 619125"/>
                <a:gd name="connsiteY5" fmla="*/ 581025 h 619125"/>
                <a:gd name="connsiteX6" fmla="*/ 38100 w 619125"/>
                <a:gd name="connsiteY6" fmla="*/ 309563 h 619125"/>
                <a:gd name="connsiteX7" fmla="*/ 309563 w 619125"/>
                <a:gd name="connsiteY7" fmla="*/ 38100 h 619125"/>
                <a:gd name="connsiteX8" fmla="*/ 581025 w 619125"/>
                <a:gd name="connsiteY8" fmla="*/ 309563 h 619125"/>
                <a:gd name="connsiteX9" fmla="*/ 309563 w 619125"/>
                <a:gd name="connsiteY9" fmla="*/ 581025 h 6191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19125" h="619125">
                  <a:moveTo>
                    <a:pt x="309563" y="0"/>
                  </a:moveTo>
                  <a:cubicBezTo>
                    <a:pt x="138875" y="0"/>
                    <a:pt x="0" y="138865"/>
                    <a:pt x="0" y="309563"/>
                  </a:cubicBezTo>
                  <a:cubicBezTo>
                    <a:pt x="0" y="480260"/>
                    <a:pt x="138875" y="619125"/>
                    <a:pt x="309563" y="619125"/>
                  </a:cubicBezTo>
                  <a:cubicBezTo>
                    <a:pt x="480250" y="619125"/>
                    <a:pt x="619125" y="480260"/>
                    <a:pt x="619125" y="309563"/>
                  </a:cubicBezTo>
                  <a:cubicBezTo>
                    <a:pt x="619125" y="138865"/>
                    <a:pt x="480250" y="0"/>
                    <a:pt x="309563" y="0"/>
                  </a:cubicBezTo>
                  <a:close/>
                  <a:moveTo>
                    <a:pt x="309563" y="581025"/>
                  </a:moveTo>
                  <a:cubicBezTo>
                    <a:pt x="159877" y="581025"/>
                    <a:pt x="38100" y="459248"/>
                    <a:pt x="38100" y="309563"/>
                  </a:cubicBezTo>
                  <a:cubicBezTo>
                    <a:pt x="38100" y="159877"/>
                    <a:pt x="159877" y="38100"/>
                    <a:pt x="309563" y="38100"/>
                  </a:cubicBezTo>
                  <a:cubicBezTo>
                    <a:pt x="459248" y="38100"/>
                    <a:pt x="581025" y="159877"/>
                    <a:pt x="581025" y="309563"/>
                  </a:cubicBezTo>
                  <a:cubicBezTo>
                    <a:pt x="581025" y="459248"/>
                    <a:pt x="459248" y="581025"/>
                    <a:pt x="309563" y="58102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EADF13BE-BF58-43E3-9534-281EFDABF659}"/>
                </a:ext>
              </a:extLst>
            </p:cNvPr>
            <p:cNvSpPr/>
            <p:nvPr/>
          </p:nvSpPr>
          <p:spPr>
            <a:xfrm>
              <a:off x="5195751" y="3473729"/>
              <a:ext cx="57150" cy="57150"/>
            </a:xfrm>
            <a:custGeom>
              <a:avLst/>
              <a:gdLst>
                <a:gd name="connsiteX0" fmla="*/ 63722 w 57150"/>
                <a:gd name="connsiteY0" fmla="*/ 31861 h 57150"/>
                <a:gd name="connsiteX1" fmla="*/ 31861 w 57150"/>
                <a:gd name="connsiteY1" fmla="*/ 63722 h 57150"/>
                <a:gd name="connsiteX2" fmla="*/ 0 w 57150"/>
                <a:gd name="connsiteY2" fmla="*/ 31861 h 57150"/>
                <a:gd name="connsiteX3" fmla="*/ 31861 w 57150"/>
                <a:gd name="connsiteY3" fmla="*/ 0 h 57150"/>
                <a:gd name="connsiteX4" fmla="*/ 63722 w 57150"/>
                <a:gd name="connsiteY4" fmla="*/ 31861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150" h="57150">
                  <a:moveTo>
                    <a:pt x="63722" y="31861"/>
                  </a:moveTo>
                  <a:cubicBezTo>
                    <a:pt x="63722" y="49458"/>
                    <a:pt x="49458" y="63722"/>
                    <a:pt x="31861" y="63722"/>
                  </a:cubicBezTo>
                  <a:cubicBezTo>
                    <a:pt x="14265" y="63722"/>
                    <a:pt x="0" y="49458"/>
                    <a:pt x="0" y="31861"/>
                  </a:cubicBezTo>
                  <a:cubicBezTo>
                    <a:pt x="0" y="14265"/>
                    <a:pt x="14265" y="0"/>
                    <a:pt x="31861" y="0"/>
                  </a:cubicBezTo>
                  <a:cubicBezTo>
                    <a:pt x="49458" y="0"/>
                    <a:pt x="63722" y="14265"/>
                    <a:pt x="63722" y="31861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914EC720-9A79-4D18-8746-AE0BDD325E79}"/>
                </a:ext>
              </a:extLst>
            </p:cNvPr>
            <p:cNvSpPr/>
            <p:nvPr/>
          </p:nvSpPr>
          <p:spPr>
            <a:xfrm>
              <a:off x="5205276" y="3589420"/>
              <a:ext cx="38100" cy="200025"/>
            </a:xfrm>
            <a:custGeom>
              <a:avLst/>
              <a:gdLst>
                <a:gd name="connsiteX0" fmla="*/ 19050 w 38100"/>
                <a:gd name="connsiteY0" fmla="*/ 0 h 200025"/>
                <a:gd name="connsiteX1" fmla="*/ 0 w 38100"/>
                <a:gd name="connsiteY1" fmla="*/ 19050 h 200025"/>
                <a:gd name="connsiteX2" fmla="*/ 0 w 38100"/>
                <a:gd name="connsiteY2" fmla="*/ 180975 h 200025"/>
                <a:gd name="connsiteX3" fmla="*/ 19050 w 38100"/>
                <a:gd name="connsiteY3" fmla="*/ 200025 h 200025"/>
                <a:gd name="connsiteX4" fmla="*/ 38100 w 38100"/>
                <a:gd name="connsiteY4" fmla="*/ 180975 h 200025"/>
                <a:gd name="connsiteX5" fmla="*/ 38100 w 38100"/>
                <a:gd name="connsiteY5" fmla="*/ 19050 h 200025"/>
                <a:gd name="connsiteX6" fmla="*/ 19050 w 38100"/>
                <a:gd name="connsiteY6" fmla="*/ 0 h 2000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8100" h="200025">
                  <a:moveTo>
                    <a:pt x="19050" y="0"/>
                  </a:moveTo>
                  <a:cubicBezTo>
                    <a:pt x="8534" y="0"/>
                    <a:pt x="0" y="8534"/>
                    <a:pt x="0" y="19050"/>
                  </a:cubicBezTo>
                  <a:lnTo>
                    <a:pt x="0" y="180975"/>
                  </a:lnTo>
                  <a:cubicBezTo>
                    <a:pt x="0" y="191491"/>
                    <a:pt x="8534" y="200025"/>
                    <a:pt x="19050" y="200025"/>
                  </a:cubicBezTo>
                  <a:cubicBezTo>
                    <a:pt x="29566" y="200025"/>
                    <a:pt x="38100" y="191491"/>
                    <a:pt x="38100" y="180975"/>
                  </a:cubicBezTo>
                  <a:lnTo>
                    <a:pt x="38100" y="19050"/>
                  </a:lnTo>
                  <a:cubicBezTo>
                    <a:pt x="38100" y="8525"/>
                    <a:pt x="29566" y="0"/>
                    <a:pt x="19050" y="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pic>
        <p:nvPicPr>
          <p:cNvPr id="2" name="Picture 1">
            <a:extLst>
              <a:ext uri="{FF2B5EF4-FFF2-40B4-BE49-F238E27FC236}">
                <a16:creationId xmlns:a16="http://schemas.microsoft.com/office/drawing/2014/main" id="{AD29A14A-4D02-4A16-8AFC-7ACC34825F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48479" y="2162148"/>
            <a:ext cx="1455839" cy="14624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6707768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C20FDD-AAAE-4E67-8959-3135B2EB18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4000" dirty="0"/>
              <a:t>Appendix - </a:t>
            </a:r>
            <a:r>
              <a:rPr lang="en-US" sz="4000" dirty="0"/>
              <a:t>Product and Servic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83902AE-AC52-47E1-8994-0156FA154C00}"/>
              </a:ext>
            </a:extLst>
          </p:cNvPr>
          <p:cNvSpPr txBox="1"/>
          <p:nvPr/>
        </p:nvSpPr>
        <p:spPr>
          <a:xfrm>
            <a:off x="162560" y="1737360"/>
            <a:ext cx="65633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</p:txBody>
      </p:sp>
      <p:graphicFrame>
        <p:nvGraphicFramePr>
          <p:cNvPr id="8" name="Table 8">
            <a:extLst>
              <a:ext uri="{FF2B5EF4-FFF2-40B4-BE49-F238E27FC236}">
                <a16:creationId xmlns:a16="http://schemas.microsoft.com/office/drawing/2014/main" id="{F44D92C4-352E-46BE-AAD3-2C5293D5F09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09069354"/>
              </p:ext>
            </p:extLst>
          </p:nvPr>
        </p:nvGraphicFramePr>
        <p:xfrm>
          <a:off x="1483360" y="2301393"/>
          <a:ext cx="9672320" cy="261665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18080">
                  <a:extLst>
                    <a:ext uri="{9D8B030D-6E8A-4147-A177-3AD203B41FA5}">
                      <a16:colId xmlns:a16="http://schemas.microsoft.com/office/drawing/2014/main" val="1624010025"/>
                    </a:ext>
                  </a:extLst>
                </a:gridCol>
                <a:gridCol w="2418080">
                  <a:extLst>
                    <a:ext uri="{9D8B030D-6E8A-4147-A177-3AD203B41FA5}">
                      <a16:colId xmlns:a16="http://schemas.microsoft.com/office/drawing/2014/main" val="498167447"/>
                    </a:ext>
                  </a:extLst>
                </a:gridCol>
                <a:gridCol w="2418080">
                  <a:extLst>
                    <a:ext uri="{9D8B030D-6E8A-4147-A177-3AD203B41FA5}">
                      <a16:colId xmlns:a16="http://schemas.microsoft.com/office/drawing/2014/main" val="814767868"/>
                    </a:ext>
                  </a:extLst>
                </a:gridCol>
                <a:gridCol w="2418080">
                  <a:extLst>
                    <a:ext uri="{9D8B030D-6E8A-4147-A177-3AD203B41FA5}">
                      <a16:colId xmlns:a16="http://schemas.microsoft.com/office/drawing/2014/main" val="4065656960"/>
                    </a:ext>
                  </a:extLst>
                </a:gridCol>
              </a:tblGrid>
              <a:tr h="78209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Annual </a:t>
                      </a:r>
                    </a:p>
                    <a:p>
                      <a:pPr algn="ctr"/>
                      <a:r>
                        <a:rPr lang="en-US" dirty="0"/>
                        <a:t>Membershi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Day Pass </a:t>
                      </a:r>
                    </a:p>
                    <a:p>
                      <a:pPr algn="ctr"/>
                      <a:r>
                        <a:rPr lang="en-US" dirty="0"/>
                        <a:t>(1 Day or 3 Days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ingle</a:t>
                      </a:r>
                    </a:p>
                    <a:p>
                      <a:pPr algn="ctr"/>
                      <a:r>
                        <a:rPr lang="en-US" dirty="0"/>
                        <a:t> Ride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466212368"/>
                  </a:ext>
                </a:extLst>
              </a:tr>
              <a:tr h="475206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ric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$169/ye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$12/Day or $24/3 Day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$3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52023065"/>
                  </a:ext>
                </a:extLst>
              </a:tr>
              <a:tr h="453118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Covered Time/Rid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45 mi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0 mi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0 min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03560630"/>
                  </a:ext>
                </a:extLst>
              </a:tr>
              <a:tr h="453118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Extra Fe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0.15/min</a:t>
                      </a:r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4 per 15 mins </a:t>
                      </a:r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0.15/min</a:t>
                      </a:r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30307127"/>
                  </a:ext>
                </a:extLst>
              </a:tr>
              <a:tr h="453118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Upgrade to ebik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0.1/min, up to $2</a:t>
                      </a:r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0.15/min</a:t>
                      </a:r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0.15/min</a:t>
                      </a:r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65711141"/>
                  </a:ext>
                </a:extLst>
              </a:tr>
            </a:tbl>
          </a:graphicData>
        </a:graphic>
      </p:graphicFrame>
      <p:pic>
        <p:nvPicPr>
          <p:cNvPr id="7" name="Graphic 6" descr="Lightning bolt">
            <a:extLst>
              <a:ext uri="{FF2B5EF4-FFF2-40B4-BE49-F238E27FC236}">
                <a16:creationId xmlns:a16="http://schemas.microsoft.com/office/drawing/2014/main" id="{CBCB121A-ED63-4542-90E8-97CE5D7F5BE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444240" y="4423055"/>
            <a:ext cx="530443" cy="530443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E0C6F982-B30B-4C75-9D77-65FA3BA0E2EE}"/>
              </a:ext>
            </a:extLst>
          </p:cNvPr>
          <p:cNvSpPr txBox="1"/>
          <p:nvPr/>
        </p:nvSpPr>
        <p:spPr>
          <a:xfrm>
            <a:off x="1971040" y="5297414"/>
            <a:ext cx="92659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lso provide Corporate Membership to businesses, universities and apartment buildings  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07113481-3ED9-4ED6-84E6-174BC9D8B16A}"/>
              </a:ext>
            </a:extLst>
          </p:cNvPr>
          <p:cNvCxnSpPr>
            <a:cxnSpLocks/>
          </p:cNvCxnSpPr>
          <p:nvPr/>
        </p:nvCxnSpPr>
        <p:spPr>
          <a:xfrm>
            <a:off x="1483360" y="2348240"/>
            <a:ext cx="2407920" cy="72008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5CFD5350-9195-43AC-B9A4-5801C1678EC0}"/>
              </a:ext>
            </a:extLst>
          </p:cNvPr>
          <p:cNvSpPr txBox="1"/>
          <p:nvPr/>
        </p:nvSpPr>
        <p:spPr>
          <a:xfrm>
            <a:off x="2598727" y="2430538"/>
            <a:ext cx="14833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1"/>
                </a:solidFill>
              </a:rPr>
              <a:t>Types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34DD3F0-F12A-4C2D-A9AC-471A9E47BEEA}"/>
              </a:ext>
            </a:extLst>
          </p:cNvPr>
          <p:cNvSpPr/>
          <p:nvPr/>
        </p:nvSpPr>
        <p:spPr>
          <a:xfrm>
            <a:off x="1768050" y="2662051"/>
            <a:ext cx="83067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Pricing</a:t>
            </a:r>
          </a:p>
        </p:txBody>
      </p:sp>
    </p:spTree>
    <p:extLst>
      <p:ext uri="{BB962C8B-B14F-4D97-AF65-F5344CB8AC3E}">
        <p14:creationId xmlns:p14="http://schemas.microsoft.com/office/powerpoint/2010/main" val="1671661856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A2408148-307A-49CD-B792-9631633A99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71575" y="271325"/>
            <a:ext cx="10058400" cy="1450757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altLang="zh-CN" sz="4000" dirty="0"/>
              <a:t>Appendix - </a:t>
            </a:r>
            <a:r>
              <a:rPr lang="en-US" sz="4000" dirty="0"/>
              <a:t>Average Trip Counts by Month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05B3B93-7505-4A74-8B9D-09E90B99916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1600" y="2011680"/>
            <a:ext cx="9519508" cy="411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72252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45687A-A8F6-4528-8726-8EAC010142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Appendix – Normalized Net Change Percent 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BEE94A74-DB8E-4EB7-8C37-86232426264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668166" y="2082074"/>
            <a:ext cx="8216062" cy="42483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6458838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45687A-A8F6-4528-8726-8EAC010142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Appendix – Elbow Plot for K-Mean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C067E52C-6473-411F-A5FB-BD0D75CC227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26515" y="1912008"/>
            <a:ext cx="9105900" cy="3648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2553498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45687A-A8F6-4528-8726-8EAC010142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Appendix – 2</a:t>
            </a:r>
            <a:r>
              <a:rPr lang="en-US" sz="4000" baseline="30000" dirty="0"/>
              <a:t>nd</a:t>
            </a:r>
            <a:r>
              <a:rPr lang="en-US" sz="4000" dirty="0"/>
              <a:t> Round of EDA (Non-Linearity)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0F3B816E-947F-4A4A-B7E0-9316C572B2D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44955" y="1943001"/>
            <a:ext cx="3575545" cy="224812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E1A4816-6C67-4BEE-B7ED-786D836814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44955" y="4264143"/>
            <a:ext cx="3575545" cy="219055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2EC6128-253B-4B0A-85DA-A3788D63A15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71376" y="1943001"/>
            <a:ext cx="3575545" cy="22481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020B2D2-B09C-4662-BD3D-D85C3DB9EF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71376" y="4264143"/>
            <a:ext cx="3575545" cy="219055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424D806E-1A1D-4A44-9331-3BF57FAF2B1C}"/>
              </a:ext>
            </a:extLst>
          </p:cNvPr>
          <p:cNvSpPr txBox="1"/>
          <p:nvPr/>
        </p:nvSpPr>
        <p:spPr>
          <a:xfrm rot="16200000">
            <a:off x="585295" y="2276837"/>
            <a:ext cx="461665" cy="140050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r>
              <a:rPr lang="en-US" dirty="0"/>
              <a:t>Dock Capacit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3E8B03F-4B54-4886-82CD-29C864DE0B97}"/>
              </a:ext>
            </a:extLst>
          </p:cNvPr>
          <p:cNvSpPr txBox="1"/>
          <p:nvPr/>
        </p:nvSpPr>
        <p:spPr>
          <a:xfrm rot="16200000">
            <a:off x="585294" y="4734713"/>
            <a:ext cx="461665" cy="140050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en-US" altLang="zh-CN" dirty="0"/>
              <a:t>Rain </a:t>
            </a:r>
            <a:endParaRPr lang="en-US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5C3D6C1-0E57-4567-BEF5-170703BD655D}"/>
              </a:ext>
            </a:extLst>
          </p:cNvPr>
          <p:cNvSpPr txBox="1"/>
          <p:nvPr/>
        </p:nvSpPr>
        <p:spPr>
          <a:xfrm rot="16200000">
            <a:off x="10416212" y="2276836"/>
            <a:ext cx="461665" cy="140050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en-US" dirty="0"/>
              <a:t>Longitud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8FC85F4-8885-4B71-8F73-EFD18B95CDBB}"/>
              </a:ext>
            </a:extLst>
          </p:cNvPr>
          <p:cNvSpPr txBox="1"/>
          <p:nvPr/>
        </p:nvSpPr>
        <p:spPr>
          <a:xfrm rot="16200000">
            <a:off x="10416212" y="4734712"/>
            <a:ext cx="461665" cy="140050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en-US" dirty="0"/>
              <a:t>Latitude</a:t>
            </a:r>
          </a:p>
        </p:txBody>
      </p:sp>
    </p:spTree>
    <p:extLst>
      <p:ext uri="{BB962C8B-B14F-4D97-AF65-F5344CB8AC3E}">
        <p14:creationId xmlns:p14="http://schemas.microsoft.com/office/powerpoint/2010/main" val="1587494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9B8052CC-08DF-4150-B0FD-5B87141846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Citi Bike History </a:t>
            </a:r>
          </a:p>
        </p:txBody>
      </p:sp>
      <p:sp>
        <p:nvSpPr>
          <p:cNvPr id="11" name="OTLSHAPE_TB_00000000000000000000000000000000_RightEndCaps">
            <a:extLst>
              <a:ext uri="{FF2B5EF4-FFF2-40B4-BE49-F238E27FC236}">
                <a16:creationId xmlns:a16="http://schemas.microsoft.com/office/drawing/2014/main" id="{3D78FD45-B2C8-43FF-B2C0-01B99CAEF751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M_3d85fe9cfdee45b1afa87ec2109efb49_Connector1">
            <a:extLst>
              <a:ext uri="{FF2B5EF4-FFF2-40B4-BE49-F238E27FC236}">
                <a16:creationId xmlns:a16="http://schemas.microsoft.com/office/drawing/2014/main" id="{89C11469-050E-4B91-9B30-982E95A6529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348024" y="2648183"/>
            <a:ext cx="0" cy="2495317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1d251914a0c24a81bb00cd401beb78f5_Connector1">
            <a:extLst>
              <a:ext uri="{FF2B5EF4-FFF2-40B4-BE49-F238E27FC236}">
                <a16:creationId xmlns:a16="http://schemas.microsoft.com/office/drawing/2014/main" id="{25839EFB-E3E2-447A-BFD5-DFB16652920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219570" y="4100153"/>
            <a:ext cx="0" cy="979847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c26323778dea474b9d001c633de8355a_Connector1">
            <a:extLst>
              <a:ext uri="{FF2B5EF4-FFF2-40B4-BE49-F238E27FC236}">
                <a16:creationId xmlns:a16="http://schemas.microsoft.com/office/drawing/2014/main" id="{32975FAE-CC96-4C38-9184-C7CD01176B5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845337" y="2549483"/>
            <a:ext cx="0" cy="88900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26323778dea474b9d001c633de8355a_Connector2">
            <a:extLst>
              <a:ext uri="{FF2B5EF4-FFF2-40B4-BE49-F238E27FC236}">
                <a16:creationId xmlns:a16="http://schemas.microsoft.com/office/drawing/2014/main" id="{C5393BDC-2D90-4560-A3C0-35033A8E4B4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845337" y="3041481"/>
            <a:ext cx="0" cy="2038519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ac78e739e8ba47f1abca19dd54fcf8a8_Connector1">
            <a:extLst>
              <a:ext uri="{FF2B5EF4-FFF2-40B4-BE49-F238E27FC236}">
                <a16:creationId xmlns:a16="http://schemas.microsoft.com/office/drawing/2014/main" id="{372B6555-1D1D-4C58-AE54-42516463807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223382" y="3402329"/>
            <a:ext cx="0" cy="1677670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8ba7b55e03e44ad2a7c916f71b7254b0_Connector1">
            <a:extLst>
              <a:ext uri="{FF2B5EF4-FFF2-40B4-BE49-F238E27FC236}">
                <a16:creationId xmlns:a16="http://schemas.microsoft.com/office/drawing/2014/main" id="{972C7D0D-8FBD-45FF-8EA3-1FE9B740CD40}"/>
              </a:ext>
            </a:extLst>
          </p:cNvPr>
          <p:cNvCxnSpPr>
            <a:cxnSpLocks/>
            <a:endCxn id="35" idx="1"/>
          </p:cNvCxnSpPr>
          <p:nvPr>
            <p:custDataLst>
              <p:tags r:id="rId7"/>
            </p:custDataLst>
          </p:nvPr>
        </p:nvCxnSpPr>
        <p:spPr>
          <a:xfrm>
            <a:off x="7850618" y="4255177"/>
            <a:ext cx="8975" cy="79484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8ba7b55e03e44ad2a7c916f71b7254b0_Connector2">
            <a:extLst>
              <a:ext uri="{FF2B5EF4-FFF2-40B4-BE49-F238E27FC236}">
                <a16:creationId xmlns:a16="http://schemas.microsoft.com/office/drawing/2014/main" id="{7CC63BC1-2925-4E55-869D-F332CB95695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850618" y="4927600"/>
            <a:ext cx="0" cy="152400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352d97fc08a14d7d9a7bc6e700f770dd_Connector1">
            <a:extLst>
              <a:ext uri="{FF2B5EF4-FFF2-40B4-BE49-F238E27FC236}">
                <a16:creationId xmlns:a16="http://schemas.microsoft.com/office/drawing/2014/main" id="{DA34ABD3-25BB-4B7F-A3A5-08D6C32241F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351242" y="4679463"/>
            <a:ext cx="0" cy="464037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B68238FE-34D4-45F9-B8B3-F1D394E5FA8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OTLSHAPE_TB_00000000000000000000000000000000_TimescaleInterval1">
            <a:extLst>
              <a:ext uri="{FF2B5EF4-FFF2-40B4-BE49-F238E27FC236}">
                <a16:creationId xmlns:a16="http://schemas.microsoft.com/office/drawing/2014/main" id="{5F2FED78-DE54-4F13-8618-28672C30C0C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3" name="OTLSHAPE_TB_00000000000000000000000000000000_TimescaleInterval2">
            <a:extLst>
              <a:ext uri="{FF2B5EF4-FFF2-40B4-BE49-F238E27FC236}">
                <a16:creationId xmlns:a16="http://schemas.microsoft.com/office/drawing/2014/main" id="{6C9EC3E8-2BA5-4D8E-8967-3EF96ADCAF1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407817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4" name="OTLSHAPE_TB_00000000000000000000000000000000_TimescaleInterval3">
            <a:extLst>
              <a:ext uri="{FF2B5EF4-FFF2-40B4-BE49-F238E27FC236}">
                <a16:creationId xmlns:a16="http://schemas.microsoft.com/office/drawing/2014/main" id="{DACB6172-76CE-454B-8DC4-337EE5FC0E1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907668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5" name="OTLSHAPE_TB_00000000000000000000000000000000_TimescaleInterval4">
            <a:extLst>
              <a:ext uri="{FF2B5EF4-FFF2-40B4-BE49-F238E27FC236}">
                <a16:creationId xmlns:a16="http://schemas.microsoft.com/office/drawing/2014/main" id="{F6EFF417-E399-4ECF-B805-62241FD397D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407520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6" name="OTLSHAPE_TB_00000000000000000000000000000000_TimescaleInterval5">
            <a:extLst>
              <a:ext uri="{FF2B5EF4-FFF2-40B4-BE49-F238E27FC236}">
                <a16:creationId xmlns:a16="http://schemas.microsoft.com/office/drawing/2014/main" id="{ACC531F1-7847-49B5-AD5A-AA1D6511057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911480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7" name="OTLSHAPE_TB_00000000000000000000000000000000_TimescaleInterval6">
            <a:extLst>
              <a:ext uri="{FF2B5EF4-FFF2-40B4-BE49-F238E27FC236}">
                <a16:creationId xmlns:a16="http://schemas.microsoft.com/office/drawing/2014/main" id="{6F809FE3-AFB2-4BF7-A2EB-0A66FB4F872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411332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8" name="OTLSHAPE_TB_00000000000000000000000000000000_TimescaleInterval7">
            <a:extLst>
              <a:ext uri="{FF2B5EF4-FFF2-40B4-BE49-F238E27FC236}">
                <a16:creationId xmlns:a16="http://schemas.microsoft.com/office/drawing/2014/main" id="{70242E3B-1845-46CC-B8CD-A799F1A0C35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11183" y="51816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9" name="OTLSHAPE_M_3d85fe9cfdee45b1afa87ec2109efb49_Shape">
            <a:extLst>
              <a:ext uri="{FF2B5EF4-FFF2-40B4-BE49-F238E27FC236}">
                <a16:creationId xmlns:a16="http://schemas.microsoft.com/office/drawing/2014/main" id="{D874DC86-0C88-4F8D-8F11-D38E515EFAD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rot="16200000">
            <a:off x="1373424" y="2648183"/>
            <a:ext cx="165100" cy="1651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cd88ee0395154c36853c44242681b6f7_Shape">
            <a:extLst>
              <a:ext uri="{FF2B5EF4-FFF2-40B4-BE49-F238E27FC236}">
                <a16:creationId xmlns:a16="http://schemas.microsoft.com/office/drawing/2014/main" id="{A24700B6-D70C-442D-BB08-31B07483E6B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605121" y="4953000"/>
            <a:ext cx="228600" cy="254000"/>
          </a:xfrm>
          <a:prstGeom prst="plus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1d251914a0c24a81bb00cd401beb78f5_Shape">
            <a:extLst>
              <a:ext uri="{FF2B5EF4-FFF2-40B4-BE49-F238E27FC236}">
                <a16:creationId xmlns:a16="http://schemas.microsoft.com/office/drawing/2014/main" id="{A63F9869-211A-453C-BFDD-0847B40C3AB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05270" y="4953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c26323778dea474b9d001c633de8355a_Shape">
            <a:extLst>
              <a:ext uri="{FF2B5EF4-FFF2-40B4-BE49-F238E27FC236}">
                <a16:creationId xmlns:a16="http://schemas.microsoft.com/office/drawing/2014/main" id="{F1A082C3-1A06-4BBD-8DF7-B08F80BEB24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731037" y="4953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ac78e739e8ba47f1abca19dd54fcf8a8_Shape">
            <a:extLst>
              <a:ext uri="{FF2B5EF4-FFF2-40B4-BE49-F238E27FC236}">
                <a16:creationId xmlns:a16="http://schemas.microsoft.com/office/drawing/2014/main" id="{374F45F3-1985-4698-A1F0-162C6E828E0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109082" y="4953000"/>
            <a:ext cx="228600" cy="254000"/>
          </a:xfrm>
          <a:prstGeom prst="plus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8ba7b55e03e44ad2a7c916f71b7254b0_Shape">
            <a:extLst>
              <a:ext uri="{FF2B5EF4-FFF2-40B4-BE49-F238E27FC236}">
                <a16:creationId xmlns:a16="http://schemas.microsoft.com/office/drawing/2014/main" id="{64FD1CAE-D838-4B1E-B37B-55020D9971B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736318" y="4953000"/>
            <a:ext cx="228600" cy="254000"/>
          </a:xfrm>
          <a:prstGeom prst="plus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485e023bdc37425cb032a986cd795815_Shape">
            <a:extLst>
              <a:ext uri="{FF2B5EF4-FFF2-40B4-BE49-F238E27FC236}">
                <a16:creationId xmlns:a16="http://schemas.microsoft.com/office/drawing/2014/main" id="{47CC57E4-8D15-41E7-BE12-E61517FBC0B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859593" y="4953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352d97fc08a14d7d9a7bc6e700f770dd_Shape">
            <a:extLst>
              <a:ext uri="{FF2B5EF4-FFF2-40B4-BE49-F238E27FC236}">
                <a16:creationId xmlns:a16="http://schemas.microsoft.com/office/drawing/2014/main" id="{5AAC4C3F-AF80-400F-93AA-8EC68D7BA8F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376642" y="4679463"/>
            <a:ext cx="165100" cy="165100"/>
          </a:xfrm>
          <a:prstGeom prst="wav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3d85fe9cfdee45b1afa87ec2109efb49_Title">
            <a:extLst>
              <a:ext uri="{FF2B5EF4-FFF2-40B4-BE49-F238E27FC236}">
                <a16:creationId xmlns:a16="http://schemas.microsoft.com/office/drawing/2014/main" id="{B6787812-7D6F-4D74-9445-19695726D86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570274" y="2218415"/>
            <a:ext cx="2016893" cy="400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b="1" dirty="0">
                <a:solidFill>
                  <a:schemeClr val="dk1"/>
                </a:solidFill>
                <a:latin typeface="Calibri" panose="020F0502020204030204" pitchFamily="34" charset="0"/>
              </a:rPr>
              <a:t>Launched services in Manhattan and Brooklyn</a:t>
            </a:r>
          </a:p>
        </p:txBody>
      </p:sp>
      <p:sp>
        <p:nvSpPr>
          <p:cNvPr id="38" name="OTLSHAPE_M_3d85fe9cfdee45b1afa87ec2109efb49_Date">
            <a:extLst>
              <a:ext uri="{FF2B5EF4-FFF2-40B4-BE49-F238E27FC236}">
                <a16:creationId xmlns:a16="http://schemas.microsoft.com/office/drawing/2014/main" id="{3BA52113-1D4A-4919-A055-3594E362022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570273" y="2617258"/>
            <a:ext cx="372935" cy="6046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dirty="0">
                <a:solidFill>
                  <a:srgbClr val="44546A"/>
                </a:solidFill>
                <a:latin typeface="Calibri" panose="020F0502020204030204" pitchFamily="34" charset="0"/>
              </a:rPr>
              <a:t>May 2013</a:t>
            </a:r>
          </a:p>
        </p:txBody>
      </p:sp>
      <p:sp>
        <p:nvSpPr>
          <p:cNvPr id="39" name="OTLSHAPE_M_cd88ee0395154c36853c44242681b6f7_Title">
            <a:extLst>
              <a:ext uri="{FF2B5EF4-FFF2-40B4-BE49-F238E27FC236}">
                <a16:creationId xmlns:a16="http://schemas.microsoft.com/office/drawing/2014/main" id="{FBCA143E-D4B0-4A8B-BAC2-6E892FC5E9E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87173" y="3955330"/>
            <a:ext cx="2209800" cy="403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dirty="0">
                <a:solidFill>
                  <a:schemeClr val="dk1"/>
                </a:solidFill>
                <a:latin typeface="Calibri" panose="020F0502020204030204" pitchFamily="34" charset="0"/>
              </a:rPr>
              <a:t>140 stations added to Brooklyn, Queens and Upper East Sides</a:t>
            </a:r>
          </a:p>
        </p:txBody>
      </p:sp>
      <p:sp>
        <p:nvSpPr>
          <p:cNvPr id="40" name="OTLSHAPE_M_cd88ee0395154c36853c44242681b6f7_Date">
            <a:extLst>
              <a:ext uri="{FF2B5EF4-FFF2-40B4-BE49-F238E27FC236}">
                <a16:creationId xmlns:a16="http://schemas.microsoft.com/office/drawing/2014/main" id="{7A9E48F0-60BC-402A-B421-9762B291DA3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474642" y="4475311"/>
            <a:ext cx="518591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rgbClr val="44546A"/>
                </a:solidFill>
                <a:latin typeface="Calibri" panose="020F0502020204030204" pitchFamily="34" charset="0"/>
              </a:rPr>
              <a:t>Aug 2015</a:t>
            </a:r>
          </a:p>
        </p:txBody>
      </p:sp>
      <p:sp>
        <p:nvSpPr>
          <p:cNvPr id="41" name="OTLSHAPE_M_1d251914a0c24a81bb00cd401beb78f5_Title">
            <a:extLst>
              <a:ext uri="{FF2B5EF4-FFF2-40B4-BE49-F238E27FC236}">
                <a16:creationId xmlns:a16="http://schemas.microsoft.com/office/drawing/2014/main" id="{FFB3E5ED-A216-4E10-B386-70D877CCE8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407816" y="3331349"/>
            <a:ext cx="2075403" cy="400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dirty="0">
                <a:solidFill>
                  <a:schemeClr val="dk1"/>
                </a:solidFill>
                <a:latin typeface="Calibri" panose="020F0502020204030204" pitchFamily="34" charset="0"/>
              </a:rPr>
              <a:t>Total distance travelled reached 20M miles </a:t>
            </a:r>
          </a:p>
        </p:txBody>
      </p:sp>
      <p:sp>
        <p:nvSpPr>
          <p:cNvPr id="42" name="OTLSHAPE_M_1d251914a0c24a81bb00cd401beb78f5_Date">
            <a:extLst>
              <a:ext uri="{FF2B5EF4-FFF2-40B4-BE49-F238E27FC236}">
                <a16:creationId xmlns:a16="http://schemas.microsoft.com/office/drawing/2014/main" id="{7FDF63A9-497E-43A3-91DC-421CD80691D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915927" y="3764703"/>
            <a:ext cx="435215" cy="4386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rgbClr val="44546A"/>
                </a:solidFill>
                <a:latin typeface="Calibri" panose="020F0502020204030204" pitchFamily="34" charset="0"/>
              </a:rPr>
              <a:t>Aug 2014</a:t>
            </a:r>
          </a:p>
        </p:txBody>
      </p:sp>
      <p:sp>
        <p:nvSpPr>
          <p:cNvPr id="43" name="OTLSHAPE_M_c26323778dea474b9d001c633de8355a_Title">
            <a:extLst>
              <a:ext uri="{FF2B5EF4-FFF2-40B4-BE49-F238E27FC236}">
                <a16:creationId xmlns:a16="http://schemas.microsoft.com/office/drawing/2014/main" id="{0A4AA9FA-BBFF-463A-B269-AFB312A8D16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700199" y="1987084"/>
            <a:ext cx="228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6">
                <a:solidFill>
                  <a:schemeClr val="dk1"/>
                </a:solidFill>
                <a:latin typeface="Calibri" panose="020F0502020204030204" pitchFamily="34" charset="0"/>
              </a:rPr>
              <a:t>Annual member reached 100,000</a:t>
            </a:r>
          </a:p>
        </p:txBody>
      </p:sp>
      <p:sp>
        <p:nvSpPr>
          <p:cNvPr id="44" name="OTLSHAPE_M_c26323778dea474b9d001c633de8355a_Date">
            <a:extLst>
              <a:ext uri="{FF2B5EF4-FFF2-40B4-BE49-F238E27FC236}">
                <a16:creationId xmlns:a16="http://schemas.microsoft.com/office/drawing/2014/main" id="{083A9DB6-41D0-4538-A1E0-FEE3D073718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710208" y="2214033"/>
            <a:ext cx="398861" cy="4243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rgbClr val="44546A"/>
                </a:solidFill>
                <a:latin typeface="Calibri" panose="020F0502020204030204" pitchFamily="34" charset="0"/>
              </a:rPr>
              <a:t>May 2016</a:t>
            </a:r>
          </a:p>
        </p:txBody>
      </p:sp>
      <p:sp>
        <p:nvSpPr>
          <p:cNvPr id="45" name="OTLSHAPE_M_ac78e739e8ba47f1abca19dd54fcf8a8_Title">
            <a:extLst>
              <a:ext uri="{FF2B5EF4-FFF2-40B4-BE49-F238E27FC236}">
                <a16:creationId xmlns:a16="http://schemas.microsoft.com/office/drawing/2014/main" id="{08231853-A5FD-4128-AA3E-BC715C93832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72559" y="2638383"/>
            <a:ext cx="2489200" cy="403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40 stations added to Upper East &amp; West Sides, Brooklyn and Jersey City</a:t>
            </a:r>
          </a:p>
        </p:txBody>
      </p:sp>
      <p:sp>
        <p:nvSpPr>
          <p:cNvPr id="46" name="OTLSHAPE_M_ac78e739e8ba47f1abca19dd54fcf8a8_Date">
            <a:extLst>
              <a:ext uri="{FF2B5EF4-FFF2-40B4-BE49-F238E27FC236}">
                <a16:creationId xmlns:a16="http://schemas.microsoft.com/office/drawing/2014/main" id="{73C59A8A-F4E9-416B-A1B0-A6F49D2A89D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088253" y="3066881"/>
            <a:ext cx="424301" cy="424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rgbClr val="44546A"/>
                </a:solidFill>
                <a:latin typeface="Calibri" panose="020F0502020204030204" pitchFamily="34" charset="0"/>
              </a:rPr>
              <a:t>Aug 2016</a:t>
            </a:r>
          </a:p>
        </p:txBody>
      </p:sp>
      <p:sp>
        <p:nvSpPr>
          <p:cNvPr id="47" name="OTLSHAPE_M_8ba7b55e03e44ad2a7c916f71b7254b0_Title">
            <a:extLst>
              <a:ext uri="{FF2B5EF4-FFF2-40B4-BE49-F238E27FC236}">
                <a16:creationId xmlns:a16="http://schemas.microsoft.com/office/drawing/2014/main" id="{9A551FD5-593F-4CCC-A6EE-D9721397CD9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669075" y="3343403"/>
            <a:ext cx="2362200" cy="403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dirty="0">
                <a:solidFill>
                  <a:schemeClr val="dk1"/>
                </a:solidFill>
                <a:latin typeface="Calibri" panose="020F0502020204030204" pitchFamily="34" charset="0"/>
              </a:rPr>
              <a:t>142 stations added to Harlem and Brooklyn</a:t>
            </a:r>
          </a:p>
        </p:txBody>
      </p:sp>
      <p:sp>
        <p:nvSpPr>
          <p:cNvPr id="48" name="OTLSHAPE_M_8ba7b55e03e44ad2a7c916f71b7254b0_Date">
            <a:extLst>
              <a:ext uri="{FF2B5EF4-FFF2-40B4-BE49-F238E27FC236}">
                <a16:creationId xmlns:a16="http://schemas.microsoft.com/office/drawing/2014/main" id="{A4268694-6A93-4B50-B375-1D4CB664A3A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644369" y="3757168"/>
            <a:ext cx="488649" cy="403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dirty="0">
                <a:solidFill>
                  <a:srgbClr val="44546A"/>
                </a:solidFill>
                <a:latin typeface="Calibri" panose="020F0502020204030204" pitchFamily="34" charset="0"/>
              </a:rPr>
              <a:t>Sep 2017</a:t>
            </a:r>
          </a:p>
        </p:txBody>
      </p:sp>
      <p:sp>
        <p:nvSpPr>
          <p:cNvPr id="49" name="OTLSHAPE_M_485e023bdc37425cb032a986cd795815_Title">
            <a:extLst>
              <a:ext uri="{FF2B5EF4-FFF2-40B4-BE49-F238E27FC236}">
                <a16:creationId xmlns:a16="http://schemas.microsoft.com/office/drawing/2014/main" id="{F8F7D68D-FBDF-4ACE-9B48-8157EF84B4A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487428" y="4270392"/>
            <a:ext cx="2425700" cy="403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b="1" dirty="0">
                <a:solidFill>
                  <a:schemeClr val="dk1"/>
                </a:solidFill>
                <a:latin typeface="Calibri" panose="020F0502020204030204" pitchFamily="34" charset="0"/>
              </a:rPr>
              <a:t>Total number of trips reached 50M since launch</a:t>
            </a:r>
          </a:p>
        </p:txBody>
      </p:sp>
      <p:sp>
        <p:nvSpPr>
          <p:cNvPr id="50" name="OTLSHAPE_M_485e023bdc37425cb032a986cd795815_Date">
            <a:extLst>
              <a:ext uri="{FF2B5EF4-FFF2-40B4-BE49-F238E27FC236}">
                <a16:creationId xmlns:a16="http://schemas.microsoft.com/office/drawing/2014/main" id="{094E6D7C-ECC2-4244-BFFC-3EC119C01DE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031843" y="4672548"/>
            <a:ext cx="677087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6" dirty="0">
                <a:solidFill>
                  <a:srgbClr val="44546A"/>
                </a:solidFill>
                <a:latin typeface="Calibri" panose="020F0502020204030204" pitchFamily="34" charset="0"/>
              </a:rPr>
              <a:t>Oct 2017</a:t>
            </a:r>
          </a:p>
        </p:txBody>
      </p:sp>
      <p:sp>
        <p:nvSpPr>
          <p:cNvPr id="51" name="OTLSHAPE_M_352d97fc08a14d7d9a7bc6e700f770dd_Title">
            <a:extLst>
              <a:ext uri="{FF2B5EF4-FFF2-40B4-BE49-F238E27FC236}">
                <a16:creationId xmlns:a16="http://schemas.microsoft.com/office/drawing/2014/main" id="{60570075-21B4-474F-9FD0-538B3B3663E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299172" y="4413546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vailable in Lyft </a:t>
            </a:r>
          </a:p>
        </p:txBody>
      </p:sp>
      <p:sp>
        <p:nvSpPr>
          <p:cNvPr id="52" name="OTLSHAPE_M_352d97fc08a14d7d9a7bc6e700f770dd_Date">
            <a:extLst>
              <a:ext uri="{FF2B5EF4-FFF2-40B4-BE49-F238E27FC236}">
                <a16:creationId xmlns:a16="http://schemas.microsoft.com/office/drawing/2014/main" id="{70E310FB-1F59-4FD4-B831-50F7E588E2C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73492" y="4650033"/>
            <a:ext cx="520700" cy="400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dirty="0">
                <a:solidFill>
                  <a:srgbClr val="44546A"/>
                </a:solidFill>
                <a:latin typeface="Calibri" panose="020F0502020204030204" pitchFamily="34" charset="0"/>
              </a:rPr>
              <a:t>May 2019</a:t>
            </a:r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D9E7B1D1-F7CD-4D28-AFB9-FCA59CC0F9C7}"/>
              </a:ext>
            </a:extLst>
          </p:cNvPr>
          <p:cNvSpPr/>
          <p:nvPr/>
        </p:nvSpPr>
        <p:spPr>
          <a:xfrm>
            <a:off x="970196" y="5668397"/>
            <a:ext cx="75565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pc="-10" dirty="0">
                <a:solidFill>
                  <a:srgbClr val="44546A"/>
                </a:solidFill>
                <a:latin typeface="Calibri" panose="020F0502020204030204" pitchFamily="34" charset="0"/>
              </a:rPr>
              <a:t>6,000 </a:t>
            </a:r>
          </a:p>
        </p:txBody>
      </p:sp>
      <p:pic>
        <p:nvPicPr>
          <p:cNvPr id="54" name="Graphic 53" descr="Cycling">
            <a:extLst>
              <a:ext uri="{FF2B5EF4-FFF2-40B4-BE49-F238E27FC236}">
                <a16:creationId xmlns:a16="http://schemas.microsoft.com/office/drawing/2014/main" id="{5D530870-CD12-40EE-A63E-5BEE9A946002}"/>
              </a:ext>
            </a:extLst>
          </p:cNvPr>
          <p:cNvPicPr>
            <a:picLocks noChangeAspect="1"/>
          </p:cNvPicPr>
          <p:nvPr/>
        </p:nvPicPr>
        <p:blipFill>
          <a:blip r:embed="rId4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5"/>
              </a:ext>
            </a:extLst>
          </a:blip>
          <a:stretch>
            <a:fillRect/>
          </a:stretch>
        </p:blipFill>
        <p:spPr>
          <a:xfrm>
            <a:off x="182880" y="5339080"/>
            <a:ext cx="680720" cy="680720"/>
          </a:xfrm>
          <a:prstGeom prst="rect">
            <a:avLst/>
          </a:prstGeom>
        </p:spPr>
      </p:pic>
      <p:sp>
        <p:nvSpPr>
          <p:cNvPr id="55" name="Rectangle 54">
            <a:extLst>
              <a:ext uri="{FF2B5EF4-FFF2-40B4-BE49-F238E27FC236}">
                <a16:creationId xmlns:a16="http://schemas.microsoft.com/office/drawing/2014/main" id="{16A0EAFB-F7DF-40E7-A2D6-030D2E8A21DE}"/>
              </a:ext>
            </a:extLst>
          </p:cNvPr>
          <p:cNvSpPr/>
          <p:nvPr/>
        </p:nvSpPr>
        <p:spPr>
          <a:xfrm>
            <a:off x="4356109" y="5653054"/>
            <a:ext cx="75565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pc="-10" dirty="0">
                <a:solidFill>
                  <a:srgbClr val="44546A"/>
                </a:solidFill>
                <a:latin typeface="Calibri" panose="020F0502020204030204" pitchFamily="34" charset="0"/>
              </a:rPr>
              <a:t>8,000 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C93C6362-5BA8-441F-BD04-FFE44941F545}"/>
              </a:ext>
            </a:extLst>
          </p:cNvPr>
          <p:cNvSpPr/>
          <p:nvPr/>
        </p:nvSpPr>
        <p:spPr>
          <a:xfrm>
            <a:off x="5819330" y="5648186"/>
            <a:ext cx="87139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pc="-10" dirty="0">
                <a:solidFill>
                  <a:srgbClr val="44546A"/>
                </a:solidFill>
                <a:latin typeface="Calibri" panose="020F0502020204030204" pitchFamily="34" charset="0"/>
              </a:rPr>
              <a:t>10,000 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34C4B163-75DA-416E-85DF-D1B48AE60DB7}"/>
              </a:ext>
            </a:extLst>
          </p:cNvPr>
          <p:cNvSpPr/>
          <p:nvPr/>
        </p:nvSpPr>
        <p:spPr>
          <a:xfrm>
            <a:off x="7398288" y="5648186"/>
            <a:ext cx="87139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pc="-10" dirty="0">
                <a:solidFill>
                  <a:srgbClr val="44546A"/>
                </a:solidFill>
                <a:latin typeface="Calibri" panose="020F0502020204030204" pitchFamily="34" charset="0"/>
              </a:rPr>
              <a:t>12,000 </a:t>
            </a:r>
          </a:p>
        </p:txBody>
      </p:sp>
    </p:spTree>
    <p:extLst>
      <p:ext uri="{BB962C8B-B14F-4D97-AF65-F5344CB8AC3E}">
        <p14:creationId xmlns:p14="http://schemas.microsoft.com/office/powerpoint/2010/main" val="7556983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3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45833E-6 7.40741E-7 L 0.80612 0.0044 " pathEditMode="relative" rAng="0" ptsTypes="AA">
                                      <p:cBhvr>
                                        <p:cTn id="6" dur="70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40299" y="208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F77972-33CF-4D5E-B5C2-36C2C1B0D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Citi Bike Operat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39BFB77-9520-48C1-9B55-2EA16073AA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63281" y="2397759"/>
            <a:ext cx="3495040" cy="2635683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839742D-4FE1-4352-ADCC-81A325AE75AB}"/>
              </a:ext>
            </a:extLst>
          </p:cNvPr>
          <p:cNvSpPr txBox="1"/>
          <p:nvPr/>
        </p:nvSpPr>
        <p:spPr>
          <a:xfrm>
            <a:off x="1097280" y="1922364"/>
            <a:ext cx="8219440" cy="58785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lvl="2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800" dirty="0">
                <a:solidFill>
                  <a:schemeClr val="accent2"/>
                </a:solidFill>
              </a:rPr>
              <a:t>Operator 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Operated by Motivate, North America’s bike share leader</a:t>
            </a:r>
          </a:p>
          <a:p>
            <a:pPr marL="0" lvl="2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800" dirty="0">
                <a:solidFill>
                  <a:schemeClr val="accent2"/>
                </a:solidFill>
              </a:rPr>
              <a:t>Operation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24 hours/day, 7 days/week, 365 days/year</a:t>
            </a:r>
          </a:p>
          <a:p>
            <a:pPr marL="0" lvl="2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800" dirty="0">
                <a:solidFill>
                  <a:schemeClr val="accent2"/>
                </a:solidFill>
              </a:rPr>
              <a:t>How does it work? 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Join (Citi bike App) </a:t>
            </a:r>
            <a:r>
              <a:rPr lang="en-US" sz="2000" dirty="0">
                <a:sym typeface="Wingdings" panose="05000000000000000000" pitchFamily="2" charset="2"/>
              </a:rPr>
              <a:t> Unlock  Ride  Return </a:t>
            </a:r>
          </a:p>
          <a:p>
            <a:pPr marL="0" lvl="2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800" dirty="0">
                <a:solidFill>
                  <a:schemeClr val="accent2"/>
                </a:solidFill>
                <a:sym typeface="Wingdings" panose="05000000000000000000" pitchFamily="2" charset="2"/>
              </a:rPr>
              <a:t>Types of Membership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>
                <a:sym typeface="Wingdings" panose="05000000000000000000" pitchFamily="2" charset="2"/>
              </a:rPr>
              <a:t>Individual (subscriber and casual passes) and Corporate </a:t>
            </a:r>
            <a:endParaRPr lang="en-US" sz="2000" dirty="0"/>
          </a:p>
          <a:p>
            <a:pPr marL="114300" lvl="3"/>
            <a:endParaRPr lang="en-US" sz="2800" dirty="0">
              <a:solidFill>
                <a:schemeClr val="accent2"/>
              </a:solidFill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endParaRPr lang="en-US" sz="2000" dirty="0"/>
          </a:p>
          <a:p>
            <a:pPr marL="114300" lvl="3"/>
            <a:endParaRPr lang="en-US" sz="280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515086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5EE13F-70EA-4AF5-AA52-C583C4CAFA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Business Trend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23F1A1C-E2EC-45AF-8C9F-CCEE7F5C46ED}"/>
              </a:ext>
            </a:extLst>
          </p:cNvPr>
          <p:cNvSpPr/>
          <p:nvPr/>
        </p:nvSpPr>
        <p:spPr>
          <a:xfrm>
            <a:off x="3235741" y="1773407"/>
            <a:ext cx="449084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dirty="0"/>
              <a:t>Average Citi Bike Trips by Month, 3-Year Trend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302DA8E-2B15-4A57-B8E8-7D9436344F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56520" y="2520315"/>
            <a:ext cx="1676400" cy="10858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B4679E6-5EA0-42A9-8C3E-7F4B7293B57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97280" y="2178786"/>
            <a:ext cx="8846414" cy="4559459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4148F0E-30FA-4926-970F-7478A3919E49}"/>
              </a:ext>
            </a:extLst>
          </p:cNvPr>
          <p:cNvSpPr txBox="1"/>
          <p:nvPr/>
        </p:nvSpPr>
        <p:spPr>
          <a:xfrm>
            <a:off x="10180320" y="4043680"/>
            <a:ext cx="17526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Year-Round Avg</a:t>
            </a:r>
          </a:p>
          <a:p>
            <a:r>
              <a:rPr lang="en-US" dirty="0">
                <a:solidFill>
                  <a:srgbClr val="AFD6ED"/>
                </a:solidFill>
              </a:rPr>
              <a:t>2017: 44,824</a:t>
            </a:r>
          </a:p>
          <a:p>
            <a:r>
              <a:rPr lang="en-US" dirty="0">
                <a:solidFill>
                  <a:srgbClr val="80B0D5"/>
                </a:solidFill>
              </a:rPr>
              <a:t>2018: 48,315</a:t>
            </a:r>
          </a:p>
          <a:p>
            <a:r>
              <a:rPr lang="en-US" dirty="0">
                <a:solidFill>
                  <a:srgbClr val="3D6A98"/>
                </a:solidFill>
              </a:rPr>
              <a:t>2019: 57,660</a:t>
            </a:r>
          </a:p>
        </p:txBody>
      </p:sp>
    </p:spTree>
    <p:extLst>
      <p:ext uri="{BB962C8B-B14F-4D97-AF65-F5344CB8AC3E}">
        <p14:creationId xmlns:p14="http://schemas.microsoft.com/office/powerpoint/2010/main" val="132173281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CE09A200-4838-4284-BD1E-19701CABB5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Public Transportation </a:t>
            </a:r>
            <a:r>
              <a:rPr lang="en-US" altLang="zh-CN" sz="4000" dirty="0"/>
              <a:t>Ridership in NYC</a:t>
            </a:r>
            <a:endParaRPr lang="en-IN" sz="4000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60DDAF2D-2BA4-49C5-BAF3-016835BF616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71600" y="1691640"/>
            <a:ext cx="9682114" cy="502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6331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CE09A200-4838-4284-BD1E-19701CABB5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66800" y="240883"/>
            <a:ext cx="10058400" cy="1450757"/>
          </a:xfrm>
        </p:spPr>
        <p:txBody>
          <a:bodyPr>
            <a:normAutofit/>
          </a:bodyPr>
          <a:lstStyle/>
          <a:p>
            <a:r>
              <a:rPr lang="en-US" sz="4000" dirty="0"/>
              <a:t>Bus Speed</a:t>
            </a:r>
            <a:endParaRPr lang="en-IN" sz="4000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27E1D948-A4E4-48DE-8FE5-5710D80E155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71600" y="1691640"/>
            <a:ext cx="7998684" cy="50292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B2EDCBEA-EAD9-476D-B79E-193510A9FF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578470" y="2457450"/>
            <a:ext cx="2219325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95379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VTI">
  <a:themeElements>
    <a:clrScheme name="Retrospect">
      <a:dk1>
        <a:sysClr val="windowText" lastClr="000000"/>
      </a:dk1>
      <a:lt1>
        <a:sysClr val="window" lastClr="FFFFFF"/>
      </a:lt1>
      <a:dk2>
        <a:srgbClr val="344068"/>
      </a:dk2>
      <a:lt2>
        <a:srgbClr val="D9E0E6"/>
      </a:lt2>
      <a:accent1>
        <a:srgbClr val="1CADE4"/>
      </a:accent1>
      <a:accent2>
        <a:srgbClr val="2683C6"/>
      </a:accent2>
      <a:accent3>
        <a:srgbClr val="28C4CC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lassic Company All Hands_Win32_MS v3" id="{1F352A5D-0EBE-49A2-9FF7-DEF81AB6F3C6}" vid="{D35781EA-2188-4D84-8966-791644CE134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2" ma:contentTypeDescription="Create a new document." ma:contentTypeScope="" ma:versionID="fa6e671f1cd7e4d96ff9652be322dd5e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4e2496f70b101db0b8013f30a071bbf7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71af3243-3dd4-4a8d-8c0d-dd76da1f02a5">Not started</Status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A941CA7C-A0BF-44EF-B2E5-7539C3B9B0B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E0A2CB4-6869-426F-8BC4-A32C90CBE26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4E879E6-8FFE-4154-8F2A-F7518B89B376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74</Words>
  <Application>Microsoft Office PowerPoint</Application>
  <PresentationFormat>Widescreen</PresentationFormat>
  <Paragraphs>320</Paragraphs>
  <Slides>44</Slides>
  <Notes>3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4</vt:i4>
      </vt:variant>
    </vt:vector>
  </HeadingPairs>
  <TitlesOfParts>
    <vt:vector size="49" baseType="lpstr">
      <vt:lpstr>Arial</vt:lpstr>
      <vt:lpstr>Calibri</vt:lpstr>
      <vt:lpstr>Calibri Light</vt:lpstr>
      <vt:lpstr>Wingdings</vt:lpstr>
      <vt:lpstr>RetrospectVTI</vt:lpstr>
      <vt:lpstr>Ride With Us Study on  Citi Bike in NYC</vt:lpstr>
      <vt:lpstr>Who Are We</vt:lpstr>
      <vt:lpstr>Agenda</vt:lpstr>
      <vt:lpstr>About Citi Bike</vt:lpstr>
      <vt:lpstr>Citi Bike History </vt:lpstr>
      <vt:lpstr>Citi Bike Operation</vt:lpstr>
      <vt:lpstr>Business Trend</vt:lpstr>
      <vt:lpstr>Public Transportation Ridership in NYC</vt:lpstr>
      <vt:lpstr>Bus Speed</vt:lpstr>
      <vt:lpstr>Bike V.S. Taxi </vt:lpstr>
      <vt:lpstr>Mission</vt:lpstr>
      <vt:lpstr>Resources</vt:lpstr>
      <vt:lpstr>Analysis</vt:lpstr>
      <vt:lpstr>Analysis</vt:lpstr>
      <vt:lpstr>Citi Bike Station Counts by Quarters</vt:lpstr>
      <vt:lpstr>Stations Expansions in Tableau</vt:lpstr>
      <vt:lpstr>Analysis</vt:lpstr>
      <vt:lpstr>Seasonal Trend of Citi Bike Trips</vt:lpstr>
      <vt:lpstr>Temperature’s Impact on Ridership</vt:lpstr>
      <vt:lpstr>Weather Conditions’ Impact on Ridership</vt:lpstr>
      <vt:lpstr>Analysis</vt:lpstr>
      <vt:lpstr>Ridership During Weekdays and Weekends</vt:lpstr>
      <vt:lpstr>Weekdays and Weekends Hot Spots</vt:lpstr>
      <vt:lpstr>Activity During A Day </vt:lpstr>
      <vt:lpstr>Hourly Trend of Bike Ridership</vt:lpstr>
      <vt:lpstr>Traffic Flow During Rush Hours </vt:lpstr>
      <vt:lpstr>Analysis</vt:lpstr>
      <vt:lpstr>Stations Clusters Using K-Mean</vt:lpstr>
      <vt:lpstr>Cluster Map in Tableau</vt:lpstr>
      <vt:lpstr>Analysis</vt:lpstr>
      <vt:lpstr>Machine Learning</vt:lpstr>
      <vt:lpstr>Linear Model (Lasso)</vt:lpstr>
      <vt:lpstr>Tree Based Model (XGBoost) </vt:lpstr>
      <vt:lpstr>Random Forest For High/Low Turnover Classification </vt:lpstr>
      <vt:lpstr>Summary – Key Factors</vt:lpstr>
      <vt:lpstr>PowerPoint Presentation</vt:lpstr>
      <vt:lpstr>Recommendations – Demand &lt; Supply </vt:lpstr>
      <vt:lpstr>Future Expansion </vt:lpstr>
      <vt:lpstr>Thank you</vt:lpstr>
      <vt:lpstr>Appendix - Product and Services</vt:lpstr>
      <vt:lpstr>Appendix - Average Trip Counts by Months</vt:lpstr>
      <vt:lpstr>Appendix – Normalized Net Change Percent </vt:lpstr>
      <vt:lpstr>Appendix – Elbow Plot for K-Mean</vt:lpstr>
      <vt:lpstr>Appendix – 2nd Round of EDA (Non-Linearity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3-23T20:04:39Z</dcterms:created>
  <dcterms:modified xsi:type="dcterms:W3CDTF">2020-03-26T18:12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